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2_公表用\03_国民審査\01_投票結果\9999\"/>
    </mc:Choice>
  </mc:AlternateContent>
  <xr:revisionPtr revIDLastSave="0" documentId="13_ncr:1_{87285926-2B27-4E93-9D37-E39B3F9FEB6E}" xr6:coauthVersionLast="47" xr6:coauthVersionMax="47" xr10:uidLastSave="{00000000-0000-0000-0000-000000000000}"/>
  <bookViews>
    <workbookView xWindow="-108" yWindow="-108" windowWidth="23256" windowHeight="12456" activeTab="2" xr2:uid="{00000000-000D-0000-FFFF-FFFF00000000}"/>
  </bookViews>
  <sheets>
    <sheet name="国内＋在外" sheetId="2" r:id="rId1"/>
    <sheet name="国内" sheetId="3" r:id="rId2"/>
    <sheet name="在外" sheetId="4" r:id="rId3"/>
  </sheets>
  <definedNames>
    <definedName name="_xlnm.Print_Area" localSheetId="1">国内!A1:Q77</definedName>
    <definedName name="_xlnm.Print_Area" localSheetId="0">'国内＋在外'!A1:Q77</definedName>
    <definedName name="_xlnm.Print_Area" localSheetId="2">在外!A1:Q77</definedName>
    <definedName name="_xlnm.Print_Titles" localSheetId="1">国内!$1:$6</definedName>
    <definedName name="_xlnm.Print_Titles" localSheetId="0">'国内＋在外'!$1:$6</definedName>
    <definedName name="_xlnm.Print_Titles" localSheetId="2">在外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1" uniqueCount="87">
  <si>
    <t>（在外）</t>
  </si>
  <si>
    <t>開票区名</t>
  </si>
  <si>
    <t>選挙当日有権者数</t>
  </si>
  <si>
    <t>投票者数</t>
  </si>
  <si>
    <t>棄権者数</t>
  </si>
  <si>
    <t>投票率（％）</t>
  </si>
  <si>
    <t>前回との差（％）</t>
  </si>
  <si>
    <t>男</t>
  </si>
  <si>
    <t>女</t>
  </si>
  <si>
    <t>計</t>
  </si>
  <si>
    <t>（国内）</t>
  </si>
  <si>
    <t>（国内＋在外）</t>
  </si>
  <si>
    <t>神奈川県選挙管理委員会</t>
  </si>
  <si>
    <t>最高裁判所裁判官国民審査　投票結果</t>
    <phoneticPr fontId="2"/>
  </si>
  <si>
    <t>令和8年2月8日 施行</t>
    <phoneticPr fontId="2"/>
  </si>
  <si>
    <t>確定(01時36分 現在)</t>
  </si>
  <si>
    <t>横浜市</t>
    <phoneticPr fontId="2"/>
  </si>
  <si>
    <t>横浜市鶴見区</t>
    <phoneticPr fontId="2"/>
  </si>
  <si>
    <t>横浜市神奈川区</t>
    <phoneticPr fontId="2"/>
  </si>
  <si>
    <t>横浜市西区</t>
    <phoneticPr fontId="2"/>
  </si>
  <si>
    <t>横浜市中区</t>
    <phoneticPr fontId="2"/>
  </si>
  <si>
    <t>横浜市南区</t>
    <phoneticPr fontId="2"/>
  </si>
  <si>
    <t>横浜市保土ケ谷区</t>
    <phoneticPr fontId="2"/>
  </si>
  <si>
    <t>横浜市磯子区</t>
    <phoneticPr fontId="2"/>
  </si>
  <si>
    <t>横浜市金沢区</t>
    <phoneticPr fontId="2"/>
  </si>
  <si>
    <t>横浜市港北区</t>
    <phoneticPr fontId="2"/>
  </si>
  <si>
    <t>横浜市戸塚区</t>
    <phoneticPr fontId="2"/>
  </si>
  <si>
    <t>横浜市港南区</t>
    <phoneticPr fontId="2"/>
  </si>
  <si>
    <t>横浜市旭区</t>
    <phoneticPr fontId="2"/>
  </si>
  <si>
    <t>横浜市緑区</t>
    <phoneticPr fontId="2"/>
  </si>
  <si>
    <t>横浜市瀬谷区</t>
    <phoneticPr fontId="2"/>
  </si>
  <si>
    <t>横浜市栄区</t>
    <phoneticPr fontId="2"/>
  </si>
  <si>
    <t>横浜市泉区</t>
    <phoneticPr fontId="2"/>
  </si>
  <si>
    <t>横浜市青葉区</t>
    <phoneticPr fontId="2"/>
  </si>
  <si>
    <t>横浜市都筑区</t>
    <phoneticPr fontId="2"/>
  </si>
  <si>
    <t>川崎市</t>
    <phoneticPr fontId="2"/>
  </si>
  <si>
    <t>川崎市川崎区</t>
    <phoneticPr fontId="2"/>
  </si>
  <si>
    <t>川崎市幸区</t>
    <phoneticPr fontId="2"/>
  </si>
  <si>
    <t>川崎市中原区</t>
    <phoneticPr fontId="2"/>
  </si>
  <si>
    <t>川崎市高津区</t>
    <phoneticPr fontId="2"/>
  </si>
  <si>
    <t>川崎市多摩区</t>
    <phoneticPr fontId="2"/>
  </si>
  <si>
    <t>川崎市宮前区</t>
    <phoneticPr fontId="2"/>
  </si>
  <si>
    <t>川崎市麻生区</t>
    <phoneticPr fontId="2"/>
  </si>
  <si>
    <t>相模原市</t>
    <phoneticPr fontId="2"/>
  </si>
  <si>
    <t>相模原市緑区</t>
    <phoneticPr fontId="2"/>
  </si>
  <si>
    <t>相模原市中央区</t>
    <phoneticPr fontId="2"/>
  </si>
  <si>
    <t>相模原市南区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ケ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三浦郡</t>
    <phoneticPr fontId="2"/>
  </si>
  <si>
    <t>葉山町</t>
    <phoneticPr fontId="2"/>
  </si>
  <si>
    <t>高座郡</t>
    <phoneticPr fontId="2"/>
  </si>
  <si>
    <t>寒川町</t>
    <phoneticPr fontId="2"/>
  </si>
  <si>
    <t>中郡</t>
    <phoneticPr fontId="2"/>
  </si>
  <si>
    <t>大磯町</t>
    <phoneticPr fontId="2"/>
  </si>
  <si>
    <t>二宮町</t>
    <phoneticPr fontId="2"/>
  </si>
  <si>
    <t>足柄上郡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足柄下郡</t>
    <phoneticPr fontId="2"/>
  </si>
  <si>
    <t>箱根町</t>
    <phoneticPr fontId="2"/>
  </si>
  <si>
    <t>真鶴町</t>
    <phoneticPr fontId="2"/>
  </si>
  <si>
    <t>湯河原町</t>
    <phoneticPr fontId="2"/>
  </si>
  <si>
    <t>愛甲郡</t>
    <phoneticPr fontId="2"/>
  </si>
  <si>
    <t>愛川町</t>
    <phoneticPr fontId="2"/>
  </si>
  <si>
    <t>清川村</t>
    <phoneticPr fontId="2"/>
  </si>
  <si>
    <t>指定都市計</t>
    <phoneticPr fontId="2"/>
  </si>
  <si>
    <t>その他の市計</t>
    <phoneticPr fontId="2"/>
  </si>
  <si>
    <t>町村計</t>
    <phoneticPr fontId="2"/>
  </si>
  <si>
    <t>県計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0;\-#,##0.00;&quot;&quot;"/>
    <numFmt numFmtId="177" formatCode="#,##0;\-#,##0;&quot;&quot;"/>
  </numFmts>
  <fonts count="22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IPAmj明朝"/>
      <family val="1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5" fillId="2" borderId="0">
      <alignment vertical="center"/>
    </xf>
    <xf numFmtId="0" fontId="5" fillId="3" borderId="0">
      <alignment vertical="center"/>
    </xf>
    <xf numFmtId="0" fontId="5" fillId="4" borderId="0">
      <alignment vertical="center"/>
    </xf>
    <xf numFmtId="0" fontId="5" fillId="5" borderId="0">
      <alignment vertical="center"/>
    </xf>
    <xf numFmtId="0" fontId="5" fillId="6" borderId="0">
      <alignment vertical="center"/>
    </xf>
    <xf numFmtId="0" fontId="5" fillId="7" borderId="0">
      <alignment vertical="center"/>
    </xf>
    <xf numFmtId="0" fontId="5" fillId="8" borderId="0">
      <alignment vertical="center"/>
    </xf>
    <xf numFmtId="0" fontId="5" fillId="9" borderId="0">
      <alignment vertical="center"/>
    </xf>
    <xf numFmtId="0" fontId="5" fillId="10" borderId="0">
      <alignment vertical="center"/>
    </xf>
    <xf numFmtId="0" fontId="5" fillId="11" borderId="0">
      <alignment vertical="center"/>
    </xf>
    <xf numFmtId="0" fontId="5" fillId="12" borderId="0">
      <alignment vertical="center"/>
    </xf>
    <xf numFmtId="0" fontId="5" fillId="13" borderId="0">
      <alignment vertical="center"/>
    </xf>
    <xf numFmtId="0" fontId="6" fillId="14" borderId="0">
      <alignment vertical="center"/>
    </xf>
    <xf numFmtId="0" fontId="6" fillId="15" borderId="0">
      <alignment vertical="center"/>
    </xf>
    <xf numFmtId="0" fontId="6" fillId="16" borderId="0">
      <alignment vertical="center"/>
    </xf>
    <xf numFmtId="0" fontId="6" fillId="17" borderId="0">
      <alignment vertical="center"/>
    </xf>
    <xf numFmtId="0" fontId="6" fillId="18" borderId="0">
      <alignment vertical="center"/>
    </xf>
    <xf numFmtId="0" fontId="6" fillId="19" borderId="0">
      <alignment vertical="center"/>
    </xf>
    <xf numFmtId="0" fontId="6" fillId="20" borderId="0">
      <alignment vertical="center"/>
    </xf>
    <xf numFmtId="0" fontId="6" fillId="21" borderId="0">
      <alignment vertical="center"/>
    </xf>
    <xf numFmtId="0" fontId="6" fillId="22" borderId="0">
      <alignment vertical="center"/>
    </xf>
    <xf numFmtId="0" fontId="6" fillId="23" borderId="0">
      <alignment vertical="center"/>
    </xf>
    <xf numFmtId="0" fontId="6" fillId="24" borderId="0">
      <alignment vertical="center"/>
    </xf>
    <xf numFmtId="0" fontId="6" fillId="25" borderId="0">
      <alignment vertical="center"/>
    </xf>
    <xf numFmtId="0" fontId="7" fillId="0" borderId="0">
      <alignment vertical="center"/>
    </xf>
    <xf numFmtId="0" fontId="8" fillId="26" borderId="4">
      <alignment vertical="center"/>
    </xf>
    <xf numFmtId="0" fontId="9" fillId="27" borderId="0">
      <alignment vertical="center"/>
    </xf>
    <xf numFmtId="0" fontId="5" fillId="28" borderId="5">
      <alignment vertical="center"/>
    </xf>
    <xf numFmtId="0" fontId="10" fillId="0" borderId="6">
      <alignment vertical="center"/>
    </xf>
    <xf numFmtId="0" fontId="11" fillId="29" borderId="0">
      <alignment vertical="center"/>
    </xf>
    <xf numFmtId="0" fontId="12" fillId="30" borderId="7">
      <alignment vertical="center"/>
    </xf>
    <xf numFmtId="0" fontId="13" fillId="0" borderId="0">
      <alignment vertical="center"/>
    </xf>
    <xf numFmtId="0" fontId="14" fillId="0" borderId="8">
      <alignment vertical="center"/>
    </xf>
    <xf numFmtId="0" fontId="15" fillId="0" borderId="9">
      <alignment vertical="center"/>
    </xf>
    <xf numFmtId="0" fontId="16" fillId="0" borderId="10">
      <alignment vertical="center"/>
    </xf>
    <xf numFmtId="0" fontId="16" fillId="0" borderId="0">
      <alignment vertical="center"/>
    </xf>
    <xf numFmtId="0" fontId="17" fillId="0" borderId="11">
      <alignment vertical="center"/>
    </xf>
    <xf numFmtId="0" fontId="18" fillId="30" borderId="12">
      <alignment vertical="center"/>
    </xf>
    <xf numFmtId="0" fontId="19" fillId="0" borderId="0">
      <alignment vertical="center"/>
    </xf>
    <xf numFmtId="0" fontId="20" fillId="31" borderId="7">
      <alignment vertical="center"/>
    </xf>
    <xf numFmtId="0" fontId="1" fillId="0" borderId="0"/>
    <xf numFmtId="0" fontId="5" fillId="0" borderId="0">
      <alignment vertical="center"/>
    </xf>
  </cellStyleXfs>
  <cellXfs count="54">
    <xf numFmtId="0" fontId="0" fillId="0" borderId="0" xfId="0">
      <alignment vertical="center"/>
    </xf>
    <xf numFmtId="49" fontId="4" fillId="0" borderId="0" xfId="41" applyNumberFormat="1" applyFont="1" applyAlignment="1">
      <alignment vertical="center"/>
    </xf>
    <xf numFmtId="49" fontId="4" fillId="0" borderId="0" xfId="41" applyNumberFormat="1" applyFont="1" applyAlignment="1">
      <alignment horizontal="center" vertical="center"/>
    </xf>
    <xf numFmtId="49" fontId="4" fillId="0" borderId="0" xfId="41" applyNumberFormat="1" applyFont="1" applyAlignment="1">
      <alignment horizontal="right" vertical="center"/>
    </xf>
    <xf numFmtId="49" fontId="2" fillId="0" borderId="0" xfId="41" applyNumberFormat="1" applyFont="1" applyAlignment="1">
      <alignment vertical="center"/>
    </xf>
    <xf numFmtId="49" fontId="4" fillId="0" borderId="0" xfId="41" quotePrefix="1" applyNumberFormat="1" applyFont="1" applyAlignment="1">
      <alignment horizontal="left" vertical="center"/>
    </xf>
    <xf numFmtId="49" fontId="21" fillId="0" borderId="16" xfId="0" applyNumberFormat="1" applyFont="1" applyBorder="1">
      <alignment vertical="center"/>
    </xf>
    <xf numFmtId="49" fontId="21" fillId="0" borderId="17" xfId="0" applyNumberFormat="1" applyFont="1" applyBorder="1" applyAlignment="1">
      <alignment horizontal="distributed" vertical="center"/>
    </xf>
    <xf numFmtId="176" fontId="21" fillId="0" borderId="18" xfId="0" applyNumberFormat="1" applyFont="1" applyBorder="1" applyAlignment="1">
      <alignment horizontal="right" vertical="center"/>
    </xf>
    <xf numFmtId="176" fontId="21" fillId="0" borderId="19" xfId="0" applyNumberFormat="1" applyFont="1" applyBorder="1" applyAlignment="1">
      <alignment horizontal="right" vertical="center"/>
    </xf>
    <xf numFmtId="176" fontId="21" fillId="0" borderId="20" xfId="0" applyNumberFormat="1" applyFont="1" applyBorder="1" applyAlignment="1">
      <alignment horizontal="right" vertical="center"/>
    </xf>
    <xf numFmtId="49" fontId="4" fillId="0" borderId="21" xfId="41" applyNumberFormat="1" applyFont="1" applyBorder="1" applyAlignment="1">
      <alignment horizontal="center" vertical="center"/>
    </xf>
    <xf numFmtId="49" fontId="4" fillId="0" borderId="23" xfId="41" applyNumberFormat="1" applyFont="1" applyBorder="1" applyAlignment="1">
      <alignment horizontal="center" vertical="center"/>
    </xf>
    <xf numFmtId="49" fontId="4" fillId="0" borderId="22" xfId="41" applyNumberFormat="1" applyFont="1" applyBorder="1" applyAlignment="1">
      <alignment horizontal="center" vertical="center"/>
    </xf>
    <xf numFmtId="49" fontId="21" fillId="0" borderId="21" xfId="0" applyNumberFormat="1" applyFont="1" applyBorder="1">
      <alignment vertical="center"/>
    </xf>
    <xf numFmtId="49" fontId="21" fillId="0" borderId="22" xfId="0" applyNumberFormat="1" applyFont="1" applyBorder="1" applyAlignment="1">
      <alignment horizontal="distributed" vertical="center"/>
    </xf>
    <xf numFmtId="176" fontId="21" fillId="0" borderId="24" xfId="0" applyNumberFormat="1" applyFont="1" applyBorder="1" applyAlignment="1">
      <alignment horizontal="right" vertical="center"/>
    </xf>
    <xf numFmtId="176" fontId="21" fillId="0" borderId="25" xfId="0" applyNumberFormat="1" applyFont="1" applyBorder="1" applyAlignment="1">
      <alignment horizontal="right" vertical="center"/>
    </xf>
    <xf numFmtId="176" fontId="21" fillId="0" borderId="26" xfId="0" applyNumberFormat="1" applyFont="1" applyBorder="1" applyAlignment="1">
      <alignment horizontal="right" vertical="center"/>
    </xf>
    <xf numFmtId="176" fontId="21" fillId="0" borderId="29" xfId="0" applyNumberFormat="1" applyFont="1" applyBorder="1" applyAlignment="1">
      <alignment horizontal="right" vertical="center"/>
    </xf>
    <xf numFmtId="176" fontId="21" fillId="0" borderId="30" xfId="0" applyNumberFormat="1" applyFont="1" applyBorder="1" applyAlignment="1">
      <alignment horizontal="right" vertical="center"/>
    </xf>
    <xf numFmtId="176" fontId="21" fillId="0" borderId="31" xfId="0" applyNumberFormat="1" applyFont="1" applyBorder="1" applyAlignment="1">
      <alignment horizontal="right" vertical="center"/>
    </xf>
    <xf numFmtId="177" fontId="21" fillId="0" borderId="18" xfId="0" applyNumberFormat="1" applyFont="1" applyFill="1" applyBorder="1" applyAlignment="1">
      <alignment horizontal="right" vertical="center"/>
    </xf>
    <xf numFmtId="177" fontId="21" fillId="0" borderId="19" xfId="0" applyNumberFormat="1" applyFont="1" applyFill="1" applyBorder="1" applyAlignment="1">
      <alignment horizontal="right" vertical="center"/>
    </xf>
    <xf numFmtId="177" fontId="21" fillId="0" borderId="20" xfId="0" applyNumberFormat="1" applyFont="1" applyFill="1" applyBorder="1" applyAlignment="1">
      <alignment horizontal="right" vertical="center"/>
    </xf>
    <xf numFmtId="176" fontId="21" fillId="0" borderId="18" xfId="0" applyNumberFormat="1" applyFont="1" applyFill="1" applyBorder="1" applyAlignment="1">
      <alignment horizontal="right" vertical="center"/>
    </xf>
    <xf numFmtId="176" fontId="21" fillId="0" borderId="19" xfId="0" applyNumberFormat="1" applyFont="1" applyFill="1" applyBorder="1" applyAlignment="1">
      <alignment horizontal="right" vertical="center"/>
    </xf>
    <xf numFmtId="176" fontId="21" fillId="0" borderId="20" xfId="0" applyNumberFormat="1" applyFont="1" applyFill="1" applyBorder="1" applyAlignment="1">
      <alignment horizontal="right" vertical="center"/>
    </xf>
    <xf numFmtId="177" fontId="21" fillId="0" borderId="24" xfId="0" applyNumberFormat="1" applyFont="1" applyFill="1" applyBorder="1" applyAlignment="1">
      <alignment horizontal="right" vertical="center"/>
    </xf>
    <xf numFmtId="177" fontId="21" fillId="0" borderId="25" xfId="0" applyNumberFormat="1" applyFont="1" applyFill="1" applyBorder="1" applyAlignment="1">
      <alignment horizontal="right" vertical="center"/>
    </xf>
    <xf numFmtId="177" fontId="21" fillId="0" borderId="26" xfId="0" applyNumberFormat="1" applyFont="1" applyFill="1" applyBorder="1" applyAlignment="1">
      <alignment horizontal="right" vertical="center"/>
    </xf>
    <xf numFmtId="176" fontId="21" fillId="0" borderId="24" xfId="0" applyNumberFormat="1" applyFont="1" applyFill="1" applyBorder="1" applyAlignment="1">
      <alignment horizontal="right" vertical="center"/>
    </xf>
    <xf numFmtId="176" fontId="21" fillId="0" borderId="25" xfId="0" applyNumberFormat="1" applyFont="1" applyFill="1" applyBorder="1" applyAlignment="1">
      <alignment horizontal="right" vertical="center"/>
    </xf>
    <xf numFmtId="176" fontId="21" fillId="0" borderId="26" xfId="0" applyNumberFormat="1" applyFont="1" applyFill="1" applyBorder="1" applyAlignment="1">
      <alignment horizontal="right" vertical="center"/>
    </xf>
    <xf numFmtId="177" fontId="21" fillId="0" borderId="29" xfId="0" applyNumberFormat="1" applyFont="1" applyFill="1" applyBorder="1" applyAlignment="1">
      <alignment horizontal="right" vertical="center"/>
    </xf>
    <xf numFmtId="177" fontId="21" fillId="0" borderId="30" xfId="0" applyNumberFormat="1" applyFont="1" applyFill="1" applyBorder="1" applyAlignment="1">
      <alignment horizontal="right" vertical="center"/>
    </xf>
    <xf numFmtId="177" fontId="21" fillId="0" borderId="31" xfId="0" applyNumberFormat="1" applyFont="1" applyFill="1" applyBorder="1" applyAlignment="1">
      <alignment horizontal="right" vertical="center"/>
    </xf>
    <xf numFmtId="176" fontId="21" fillId="0" borderId="29" xfId="0" applyNumberFormat="1" applyFont="1" applyFill="1" applyBorder="1" applyAlignment="1">
      <alignment horizontal="right" vertical="center"/>
    </xf>
    <xf numFmtId="176" fontId="21" fillId="0" borderId="30" xfId="0" applyNumberFormat="1" applyFont="1" applyFill="1" applyBorder="1" applyAlignment="1">
      <alignment horizontal="right" vertical="center"/>
    </xf>
    <xf numFmtId="176" fontId="21" fillId="0" borderId="31" xfId="0" applyNumberFormat="1" applyFont="1" applyFill="1" applyBorder="1" applyAlignment="1">
      <alignment horizontal="right" vertical="center"/>
    </xf>
    <xf numFmtId="49" fontId="4" fillId="0" borderId="1" xfId="41" applyNumberFormat="1" applyFont="1" applyBorder="1" applyAlignment="1">
      <alignment horizontal="center" vertical="center"/>
    </xf>
    <xf numFmtId="49" fontId="4" fillId="0" borderId="2" xfId="41" applyNumberFormat="1" applyFont="1" applyBorder="1" applyAlignment="1">
      <alignment horizontal="center" vertical="center"/>
    </xf>
    <xf numFmtId="49" fontId="4" fillId="0" borderId="3" xfId="41" applyNumberFormat="1" applyFont="1" applyBorder="1" applyAlignment="1">
      <alignment horizontal="center" vertical="center"/>
    </xf>
    <xf numFmtId="49" fontId="21" fillId="0" borderId="27" xfId="0" applyNumberFormat="1" applyFont="1" applyBorder="1" applyAlignment="1">
      <alignment horizontal="distributed" vertical="center"/>
    </xf>
    <xf numFmtId="49" fontId="21" fillId="0" borderId="28" xfId="0" applyNumberFormat="1" applyFont="1" applyBorder="1" applyAlignment="1">
      <alignment horizontal="distributed" vertical="center"/>
    </xf>
    <xf numFmtId="49" fontId="21" fillId="0" borderId="16" xfId="0" applyNumberFormat="1" applyFont="1" applyBorder="1" applyAlignment="1">
      <alignment horizontal="distributed" vertical="center"/>
    </xf>
    <xf numFmtId="49" fontId="21" fillId="0" borderId="17" xfId="0" applyNumberFormat="1" applyFont="1" applyBorder="1" applyAlignment="1">
      <alignment horizontal="distributed" vertical="center"/>
    </xf>
    <xf numFmtId="49" fontId="4" fillId="0" borderId="15" xfId="41" applyNumberFormat="1" applyFont="1" applyBorder="1" applyAlignment="1">
      <alignment horizontal="left" vertical="center" shrinkToFit="1"/>
    </xf>
    <xf numFmtId="49" fontId="3" fillId="0" borderId="0" xfId="41" applyNumberFormat="1" applyFont="1" applyAlignment="1">
      <alignment horizontal="center" vertical="center"/>
    </xf>
    <xf numFmtId="49" fontId="4" fillId="0" borderId="0" xfId="41" applyNumberFormat="1" applyFont="1" applyAlignment="1">
      <alignment horizontal="center" vertical="center"/>
    </xf>
    <xf numFmtId="49" fontId="4" fillId="0" borderId="13" xfId="41" applyNumberFormat="1" applyFont="1" applyBorder="1" applyAlignment="1">
      <alignment horizontal="center" vertical="center"/>
    </xf>
    <xf numFmtId="49" fontId="4" fillId="0" borderId="14" xfId="41" applyNumberFormat="1" applyFont="1" applyBorder="1" applyAlignment="1">
      <alignment horizontal="center" vertical="center"/>
    </xf>
    <xf numFmtId="49" fontId="4" fillId="0" borderId="21" xfId="41" applyNumberFormat="1" applyFont="1" applyBorder="1" applyAlignment="1">
      <alignment horizontal="center" vertical="center"/>
    </xf>
    <xf numFmtId="49" fontId="4" fillId="0" borderId="22" xfId="41" applyNumberFormat="1" applyFont="1" applyBorder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Q80"/>
  <sheetViews>
    <sheetView view="pageBreakPreview" topLeftCell="D60" zoomScaleNormal="100" zoomScaleSheetLayoutView="100" workbookViewId="0">
      <selection activeCell="V14" sqref="V14"/>
    </sheetView>
  </sheetViews>
  <sheetFormatPr defaultColWidth="9" defaultRowHeight="13.8" x14ac:dyDescent="0.2"/>
  <cols>
    <col min="1" max="1" width="2.6640625" style="1" customWidth="1"/>
    <col min="2" max="2" width="18.6640625" style="1" customWidth="1"/>
    <col min="3" max="11" width="11.33203125" style="1" customWidth="1"/>
    <col min="12" max="17" width="7.21875" style="1" customWidth="1"/>
    <col min="18" max="18" width="9" style="1" customWidth="1"/>
    <col min="19" max="16384" width="9" style="1"/>
  </cols>
  <sheetData>
    <row r="1" spans="1:17" ht="15" hidden="1" customHeight="1" x14ac:dyDescent="0.2">
      <c r="A1"/>
      <c r="O1" s="2"/>
      <c r="P1" s="2"/>
      <c r="Q1" s="3"/>
    </row>
    <row r="2" spans="1:17" ht="18.75" customHeight="1" x14ac:dyDescent="0.2">
      <c r="A2" s="5" t="s">
        <v>14</v>
      </c>
      <c r="B2" s="5"/>
      <c r="E2" s="48" t="s">
        <v>13</v>
      </c>
      <c r="F2" s="48"/>
      <c r="G2" s="48"/>
      <c r="H2" s="48"/>
      <c r="I2" s="48"/>
      <c r="J2" s="48"/>
      <c r="K2" s="48"/>
    </row>
    <row r="3" spans="1:17" ht="15" customHeight="1" x14ac:dyDescent="0.2">
      <c r="B3" s="1" t="s">
        <v>15</v>
      </c>
      <c r="G3" s="49" t="s">
        <v>11</v>
      </c>
      <c r="H3" s="49"/>
      <c r="I3" s="49"/>
      <c r="Q3" s="3"/>
    </row>
    <row r="4" spans="1:17" ht="15" customHeight="1" thickBot="1" x14ac:dyDescent="0.25">
      <c r="A4" s="47" t="s">
        <v>12</v>
      </c>
      <c r="B4" s="47"/>
      <c r="Q4" s="3"/>
    </row>
    <row r="5" spans="1:17" ht="15.75" customHeight="1" x14ac:dyDescent="0.2">
      <c r="A5" s="50" t="s">
        <v>1</v>
      </c>
      <c r="B5" s="51"/>
      <c r="C5" s="40" t="s">
        <v>2</v>
      </c>
      <c r="D5" s="41"/>
      <c r="E5" s="42"/>
      <c r="F5" s="40" t="s">
        <v>3</v>
      </c>
      <c r="G5" s="41"/>
      <c r="H5" s="42"/>
      <c r="I5" s="40" t="s">
        <v>4</v>
      </c>
      <c r="J5" s="41"/>
      <c r="K5" s="42"/>
      <c r="L5" s="40" t="s">
        <v>5</v>
      </c>
      <c r="M5" s="41"/>
      <c r="N5" s="42"/>
      <c r="O5" s="40" t="s">
        <v>6</v>
      </c>
      <c r="P5" s="41"/>
      <c r="Q5" s="42"/>
    </row>
    <row r="6" spans="1:17" ht="15.75" customHeight="1" thickBot="1" x14ac:dyDescent="0.25">
      <c r="A6" s="52"/>
      <c r="B6" s="53"/>
      <c r="C6" s="11" t="s">
        <v>7</v>
      </c>
      <c r="D6" s="12" t="s">
        <v>8</v>
      </c>
      <c r="E6" s="13" t="s">
        <v>9</v>
      </c>
      <c r="F6" s="11" t="s">
        <v>7</v>
      </c>
      <c r="G6" s="12" t="s">
        <v>8</v>
      </c>
      <c r="H6" s="13" t="s">
        <v>9</v>
      </c>
      <c r="I6" s="11" t="s">
        <v>7</v>
      </c>
      <c r="J6" s="12" t="s">
        <v>8</v>
      </c>
      <c r="K6" s="13" t="s">
        <v>9</v>
      </c>
      <c r="L6" s="11" t="s">
        <v>7</v>
      </c>
      <c r="M6" s="12" t="s">
        <v>8</v>
      </c>
      <c r="N6" s="13" t="s">
        <v>9</v>
      </c>
      <c r="O6" s="11" t="s">
        <v>7</v>
      </c>
      <c r="P6" s="12" t="s">
        <v>8</v>
      </c>
      <c r="Q6" s="13" t="s">
        <v>9</v>
      </c>
    </row>
    <row r="7" spans="1:17" ht="15.75" customHeight="1" thickTop="1" x14ac:dyDescent="0.2">
      <c r="A7" s="45" t="s">
        <v>16</v>
      </c>
      <c r="B7" s="46"/>
      <c r="C7" s="22">
        <v>1540292</v>
      </c>
      <c r="D7" s="23">
        <v>1593656</v>
      </c>
      <c r="E7" s="24">
        <v>3133948</v>
      </c>
      <c r="F7" s="22">
        <v>854421</v>
      </c>
      <c r="G7" s="23">
        <v>854185</v>
      </c>
      <c r="H7" s="24">
        <v>1708606</v>
      </c>
      <c r="I7" s="22">
        <v>685871</v>
      </c>
      <c r="J7" s="23">
        <v>739471</v>
      </c>
      <c r="K7" s="24">
        <v>1425342</v>
      </c>
      <c r="L7" s="25">
        <v>55.47</v>
      </c>
      <c r="M7" s="26">
        <v>53.6</v>
      </c>
      <c r="N7" s="27">
        <v>54.52</v>
      </c>
      <c r="O7" s="8">
        <v>-0.14000000000000057</v>
      </c>
      <c r="P7" s="9">
        <v>-1.3200000000000003</v>
      </c>
      <c r="Q7" s="10">
        <v>-0.73999999999999488</v>
      </c>
    </row>
    <row r="8" spans="1:17" ht="15.75" customHeight="1" x14ac:dyDescent="0.2">
      <c r="A8" s="6"/>
      <c r="B8" s="7" t="s">
        <v>17</v>
      </c>
      <c r="C8" s="22">
        <v>124497</v>
      </c>
      <c r="D8" s="23">
        <v>116550</v>
      </c>
      <c r="E8" s="24">
        <v>241047</v>
      </c>
      <c r="F8" s="22">
        <v>65395</v>
      </c>
      <c r="G8" s="23">
        <v>60689</v>
      </c>
      <c r="H8" s="24">
        <v>126084</v>
      </c>
      <c r="I8" s="22">
        <v>59102</v>
      </c>
      <c r="J8" s="23">
        <v>55861</v>
      </c>
      <c r="K8" s="24">
        <v>114963</v>
      </c>
      <c r="L8" s="25">
        <v>52.53</v>
      </c>
      <c r="M8" s="26">
        <v>52.07</v>
      </c>
      <c r="N8" s="27">
        <v>52.31</v>
      </c>
      <c r="O8" s="8">
        <v>1.4299999999999997</v>
      </c>
      <c r="P8" s="9">
        <v>-9.9999999999980105E-3</v>
      </c>
      <c r="Q8" s="10">
        <v>0.74000000000000199</v>
      </c>
    </row>
    <row r="9" spans="1:17" ht="15.75" customHeight="1" x14ac:dyDescent="0.2">
      <c r="A9" s="6"/>
      <c r="B9" s="7" t="s">
        <v>18</v>
      </c>
      <c r="C9" s="22">
        <v>104266</v>
      </c>
      <c r="D9" s="23">
        <v>103062</v>
      </c>
      <c r="E9" s="24">
        <v>207328</v>
      </c>
      <c r="F9" s="22">
        <v>56958</v>
      </c>
      <c r="G9" s="23">
        <v>54173</v>
      </c>
      <c r="H9" s="24">
        <v>111131</v>
      </c>
      <c r="I9" s="22">
        <v>47308</v>
      </c>
      <c r="J9" s="23">
        <v>48889</v>
      </c>
      <c r="K9" s="24">
        <v>96197</v>
      </c>
      <c r="L9" s="25">
        <v>54.63</v>
      </c>
      <c r="M9" s="26">
        <v>52.56</v>
      </c>
      <c r="N9" s="27">
        <v>53.6</v>
      </c>
      <c r="O9" s="8">
        <v>1.3300000000000054</v>
      </c>
      <c r="P9" s="9">
        <v>-0.59999999999999432</v>
      </c>
      <c r="Q9" s="10">
        <v>0.37000000000000455</v>
      </c>
    </row>
    <row r="10" spans="1:17" ht="15.75" customHeight="1" x14ac:dyDescent="0.2">
      <c r="A10" s="6"/>
      <c r="B10" s="7" t="s">
        <v>19</v>
      </c>
      <c r="C10" s="22">
        <v>44126</v>
      </c>
      <c r="D10" s="23">
        <v>44212</v>
      </c>
      <c r="E10" s="24">
        <v>88338</v>
      </c>
      <c r="F10" s="22">
        <v>25077</v>
      </c>
      <c r="G10" s="23">
        <v>24220</v>
      </c>
      <c r="H10" s="24">
        <v>49297</v>
      </c>
      <c r="I10" s="22">
        <v>19049</v>
      </c>
      <c r="J10" s="23">
        <v>19992</v>
      </c>
      <c r="K10" s="24">
        <v>39041</v>
      </c>
      <c r="L10" s="25">
        <v>56.83</v>
      </c>
      <c r="M10" s="26">
        <v>54.78</v>
      </c>
      <c r="N10" s="27">
        <v>55.8</v>
      </c>
      <c r="O10" s="8">
        <v>1.9699999999999989</v>
      </c>
      <c r="P10" s="9">
        <v>-0.15999999999999659</v>
      </c>
      <c r="Q10" s="10">
        <v>0.89999999999999858</v>
      </c>
    </row>
    <row r="11" spans="1:17" ht="15.75" customHeight="1" x14ac:dyDescent="0.2">
      <c r="A11" s="6"/>
      <c r="B11" s="7" t="s">
        <v>20</v>
      </c>
      <c r="C11" s="22">
        <v>63217</v>
      </c>
      <c r="D11" s="23">
        <v>58634</v>
      </c>
      <c r="E11" s="24">
        <v>121851</v>
      </c>
      <c r="F11" s="22">
        <v>32625</v>
      </c>
      <c r="G11" s="23">
        <v>31009</v>
      </c>
      <c r="H11" s="24">
        <v>63634</v>
      </c>
      <c r="I11" s="22">
        <v>30592</v>
      </c>
      <c r="J11" s="23">
        <v>27625</v>
      </c>
      <c r="K11" s="24">
        <v>58217</v>
      </c>
      <c r="L11" s="25">
        <v>51.61</v>
      </c>
      <c r="M11" s="26">
        <v>52.89</v>
      </c>
      <c r="N11" s="27">
        <v>52.22</v>
      </c>
      <c r="O11" s="8">
        <v>1.2199999999999989</v>
      </c>
      <c r="P11" s="9">
        <v>0.39999999999999858</v>
      </c>
      <c r="Q11" s="10">
        <v>0.82000000000000028</v>
      </c>
    </row>
    <row r="12" spans="1:17" ht="15.75" customHeight="1" x14ac:dyDescent="0.2">
      <c r="A12" s="6"/>
      <c r="B12" s="7" t="s">
        <v>21</v>
      </c>
      <c r="C12" s="22">
        <v>82883</v>
      </c>
      <c r="D12" s="23">
        <v>83343</v>
      </c>
      <c r="E12" s="24">
        <v>166226</v>
      </c>
      <c r="F12" s="22">
        <v>42076</v>
      </c>
      <c r="G12" s="23">
        <v>41032</v>
      </c>
      <c r="H12" s="24">
        <v>83108</v>
      </c>
      <c r="I12" s="22">
        <v>40807</v>
      </c>
      <c r="J12" s="23">
        <v>42311</v>
      </c>
      <c r="K12" s="24">
        <v>83118</v>
      </c>
      <c r="L12" s="25">
        <v>50.77</v>
      </c>
      <c r="M12" s="26">
        <v>49.23</v>
      </c>
      <c r="N12" s="27">
        <v>50</v>
      </c>
      <c r="O12" s="8">
        <v>-9.9999999999980105E-3</v>
      </c>
      <c r="P12" s="9">
        <v>-2.4000000000000057</v>
      </c>
      <c r="Q12" s="10">
        <v>-1.2000000000000028</v>
      </c>
    </row>
    <row r="13" spans="1:17" ht="15.75" customHeight="1" x14ac:dyDescent="0.2">
      <c r="A13" s="6"/>
      <c r="B13" s="7" t="s">
        <v>22</v>
      </c>
      <c r="C13" s="22">
        <v>83995</v>
      </c>
      <c r="D13" s="23">
        <v>87024</v>
      </c>
      <c r="E13" s="24">
        <v>171019</v>
      </c>
      <c r="F13" s="22">
        <v>44962</v>
      </c>
      <c r="G13" s="23">
        <v>44940</v>
      </c>
      <c r="H13" s="24">
        <v>89902</v>
      </c>
      <c r="I13" s="22">
        <v>39033</v>
      </c>
      <c r="J13" s="23">
        <v>42084</v>
      </c>
      <c r="K13" s="24">
        <v>81117</v>
      </c>
      <c r="L13" s="25">
        <v>53.53</v>
      </c>
      <c r="M13" s="26">
        <v>51.64</v>
      </c>
      <c r="N13" s="27">
        <v>52.57</v>
      </c>
      <c r="O13" s="8">
        <v>-1.269999999999996</v>
      </c>
      <c r="P13" s="9">
        <v>-2.4600000000000009</v>
      </c>
      <c r="Q13" s="10">
        <v>-1.8699999999999974</v>
      </c>
    </row>
    <row r="14" spans="1:17" ht="15.75" customHeight="1" x14ac:dyDescent="0.2">
      <c r="A14" s="6"/>
      <c r="B14" s="7" t="s">
        <v>23</v>
      </c>
      <c r="C14" s="22">
        <v>67127</v>
      </c>
      <c r="D14" s="23">
        <v>70093</v>
      </c>
      <c r="E14" s="24">
        <v>137220</v>
      </c>
      <c r="F14" s="22">
        <v>36164</v>
      </c>
      <c r="G14" s="23">
        <v>36378</v>
      </c>
      <c r="H14" s="24">
        <v>72542</v>
      </c>
      <c r="I14" s="22">
        <v>30963</v>
      </c>
      <c r="J14" s="23">
        <v>33715</v>
      </c>
      <c r="K14" s="24">
        <v>64678</v>
      </c>
      <c r="L14" s="25">
        <v>53.87</v>
      </c>
      <c r="M14" s="26">
        <v>51.9</v>
      </c>
      <c r="N14" s="27">
        <v>52.87</v>
      </c>
      <c r="O14" s="8">
        <v>-0.39000000000000057</v>
      </c>
      <c r="P14" s="9">
        <v>-1.4500000000000028</v>
      </c>
      <c r="Q14" s="10">
        <v>-0.92999999999999972</v>
      </c>
    </row>
    <row r="15" spans="1:17" ht="15.75" customHeight="1" x14ac:dyDescent="0.2">
      <c r="A15" s="6"/>
      <c r="B15" s="7" t="s">
        <v>24</v>
      </c>
      <c r="C15" s="22">
        <v>79368</v>
      </c>
      <c r="D15" s="23">
        <v>84387</v>
      </c>
      <c r="E15" s="24">
        <v>163755</v>
      </c>
      <c r="F15" s="22">
        <v>45358</v>
      </c>
      <c r="G15" s="23">
        <v>45824</v>
      </c>
      <c r="H15" s="24">
        <v>91182</v>
      </c>
      <c r="I15" s="22">
        <v>34010</v>
      </c>
      <c r="J15" s="23">
        <v>38563</v>
      </c>
      <c r="K15" s="24">
        <v>72573</v>
      </c>
      <c r="L15" s="25">
        <v>57.15</v>
      </c>
      <c r="M15" s="26">
        <v>54.3</v>
      </c>
      <c r="N15" s="27">
        <v>55.68</v>
      </c>
      <c r="O15" s="8">
        <v>-0.45000000000000284</v>
      </c>
      <c r="P15" s="9">
        <v>-1.9200000000000017</v>
      </c>
      <c r="Q15" s="10">
        <v>-1.2100000000000009</v>
      </c>
    </row>
    <row r="16" spans="1:17" ht="15.75" customHeight="1" x14ac:dyDescent="0.2">
      <c r="A16" s="6"/>
      <c r="B16" s="7" t="s">
        <v>25</v>
      </c>
      <c r="C16" s="22">
        <v>148344</v>
      </c>
      <c r="D16" s="23">
        <v>152592</v>
      </c>
      <c r="E16" s="24">
        <v>300936</v>
      </c>
      <c r="F16" s="22">
        <v>87154</v>
      </c>
      <c r="G16" s="23">
        <v>86811</v>
      </c>
      <c r="H16" s="24">
        <v>173965</v>
      </c>
      <c r="I16" s="22">
        <v>61190</v>
      </c>
      <c r="J16" s="23">
        <v>65781</v>
      </c>
      <c r="K16" s="24">
        <v>126971</v>
      </c>
      <c r="L16" s="25">
        <v>58.75</v>
      </c>
      <c r="M16" s="26">
        <v>56.89</v>
      </c>
      <c r="N16" s="27">
        <v>57.81</v>
      </c>
      <c r="O16" s="8">
        <v>1.0900000000000034</v>
      </c>
      <c r="P16" s="9">
        <v>0.60999999999999943</v>
      </c>
      <c r="Q16" s="10">
        <v>0.85000000000000142</v>
      </c>
    </row>
    <row r="17" spans="1:17" ht="15.75" customHeight="1" x14ac:dyDescent="0.2">
      <c r="A17" s="6"/>
      <c r="B17" s="7" t="s">
        <v>26</v>
      </c>
      <c r="C17" s="22">
        <v>114297</v>
      </c>
      <c r="D17" s="23">
        <v>120520</v>
      </c>
      <c r="E17" s="24">
        <v>234817</v>
      </c>
      <c r="F17" s="22">
        <v>62815</v>
      </c>
      <c r="G17" s="23">
        <v>64156</v>
      </c>
      <c r="H17" s="24">
        <v>126971</v>
      </c>
      <c r="I17" s="22">
        <v>51482</v>
      </c>
      <c r="J17" s="23">
        <v>56364</v>
      </c>
      <c r="K17" s="24">
        <v>107846</v>
      </c>
      <c r="L17" s="25">
        <v>54.96</v>
      </c>
      <c r="M17" s="26">
        <v>53.23</v>
      </c>
      <c r="N17" s="27">
        <v>54.07</v>
      </c>
      <c r="O17" s="8">
        <v>-2.0700000000000003</v>
      </c>
      <c r="P17" s="9">
        <v>-2.7100000000000009</v>
      </c>
      <c r="Q17" s="10">
        <v>-2.3999999999999986</v>
      </c>
    </row>
    <row r="18" spans="1:17" ht="15.75" customHeight="1" x14ac:dyDescent="0.2">
      <c r="A18" s="6"/>
      <c r="B18" s="7" t="s">
        <v>27</v>
      </c>
      <c r="C18" s="22">
        <v>86391</v>
      </c>
      <c r="D18" s="23">
        <v>93678</v>
      </c>
      <c r="E18" s="24">
        <v>180069</v>
      </c>
      <c r="F18" s="22">
        <v>48209</v>
      </c>
      <c r="G18" s="23">
        <v>49678</v>
      </c>
      <c r="H18" s="24">
        <v>97887</v>
      </c>
      <c r="I18" s="22">
        <v>38182</v>
      </c>
      <c r="J18" s="23">
        <v>44000</v>
      </c>
      <c r="K18" s="24">
        <v>82182</v>
      </c>
      <c r="L18" s="25">
        <v>55.8</v>
      </c>
      <c r="M18" s="26">
        <v>53.03</v>
      </c>
      <c r="N18" s="27">
        <v>54.36</v>
      </c>
      <c r="O18" s="8">
        <v>-1.1200000000000045</v>
      </c>
      <c r="P18" s="9">
        <v>-2.9699999999999989</v>
      </c>
      <c r="Q18" s="10">
        <v>-2.0799999999999983</v>
      </c>
    </row>
    <row r="19" spans="1:17" ht="15.75" customHeight="1" x14ac:dyDescent="0.2">
      <c r="A19" s="6"/>
      <c r="B19" s="7" t="s">
        <v>28</v>
      </c>
      <c r="C19" s="22">
        <v>98879</v>
      </c>
      <c r="D19" s="23">
        <v>106098</v>
      </c>
      <c r="E19" s="24">
        <v>204977</v>
      </c>
      <c r="F19" s="22">
        <v>52535</v>
      </c>
      <c r="G19" s="23">
        <v>54271</v>
      </c>
      <c r="H19" s="24">
        <v>106806</v>
      </c>
      <c r="I19" s="22">
        <v>46344</v>
      </c>
      <c r="J19" s="23">
        <v>51827</v>
      </c>
      <c r="K19" s="24">
        <v>98171</v>
      </c>
      <c r="L19" s="25">
        <v>53.13</v>
      </c>
      <c r="M19" s="26">
        <v>51.15</v>
      </c>
      <c r="N19" s="27">
        <v>52.11</v>
      </c>
      <c r="O19" s="8">
        <v>-1.8599999999999994</v>
      </c>
      <c r="P19" s="9">
        <v>-2.3299999999999983</v>
      </c>
      <c r="Q19" s="10">
        <v>-2.1000000000000014</v>
      </c>
    </row>
    <row r="20" spans="1:17" ht="15.75" customHeight="1" x14ac:dyDescent="0.2">
      <c r="A20" s="6"/>
      <c r="B20" s="7" t="s">
        <v>29</v>
      </c>
      <c r="C20" s="22">
        <v>73475</v>
      </c>
      <c r="D20" s="23">
        <v>77064</v>
      </c>
      <c r="E20" s="24">
        <v>150539</v>
      </c>
      <c r="F20" s="22">
        <v>40457</v>
      </c>
      <c r="G20" s="23">
        <v>40978</v>
      </c>
      <c r="H20" s="24">
        <v>81435</v>
      </c>
      <c r="I20" s="22">
        <v>33018</v>
      </c>
      <c r="J20" s="23">
        <v>36086</v>
      </c>
      <c r="K20" s="24">
        <v>69104</v>
      </c>
      <c r="L20" s="25">
        <v>55.06</v>
      </c>
      <c r="M20" s="26">
        <v>53.17</v>
      </c>
      <c r="N20" s="27">
        <v>54.1</v>
      </c>
      <c r="O20" s="8">
        <v>-1.1299999999999955</v>
      </c>
      <c r="P20" s="9">
        <v>-2.1099999999999994</v>
      </c>
      <c r="Q20" s="10">
        <v>-1.6299999999999955</v>
      </c>
    </row>
    <row r="21" spans="1:17" ht="15.75" customHeight="1" x14ac:dyDescent="0.2">
      <c r="A21" s="6"/>
      <c r="B21" s="7" t="s">
        <v>30</v>
      </c>
      <c r="C21" s="22">
        <v>49850</v>
      </c>
      <c r="D21" s="23">
        <v>53055</v>
      </c>
      <c r="E21" s="24">
        <v>102905</v>
      </c>
      <c r="F21" s="22">
        <v>25881</v>
      </c>
      <c r="G21" s="23">
        <v>26786</v>
      </c>
      <c r="H21" s="24">
        <v>52667</v>
      </c>
      <c r="I21" s="22">
        <v>23969</v>
      </c>
      <c r="J21" s="23">
        <v>26269</v>
      </c>
      <c r="K21" s="24">
        <v>50238</v>
      </c>
      <c r="L21" s="25">
        <v>51.92</v>
      </c>
      <c r="M21" s="26">
        <v>50.49</v>
      </c>
      <c r="N21" s="27">
        <v>51.18</v>
      </c>
      <c r="O21" s="8">
        <v>-0.98999999999999488</v>
      </c>
      <c r="P21" s="9">
        <v>-1.769999999999996</v>
      </c>
      <c r="Q21" s="10">
        <v>-1.3900000000000006</v>
      </c>
    </row>
    <row r="22" spans="1:17" ht="15.75" customHeight="1" x14ac:dyDescent="0.2">
      <c r="A22" s="6"/>
      <c r="B22" s="7" t="s">
        <v>31</v>
      </c>
      <c r="C22" s="22">
        <v>49569</v>
      </c>
      <c r="D22" s="23">
        <v>53435</v>
      </c>
      <c r="E22" s="24">
        <v>103004</v>
      </c>
      <c r="F22" s="22">
        <v>28446</v>
      </c>
      <c r="G22" s="23">
        <v>29063</v>
      </c>
      <c r="H22" s="24">
        <v>57509</v>
      </c>
      <c r="I22" s="22">
        <v>21123</v>
      </c>
      <c r="J22" s="23">
        <v>24372</v>
      </c>
      <c r="K22" s="24">
        <v>45495</v>
      </c>
      <c r="L22" s="25">
        <v>57.39</v>
      </c>
      <c r="M22" s="26">
        <v>54.39</v>
      </c>
      <c r="N22" s="27">
        <v>55.83</v>
      </c>
      <c r="O22" s="8">
        <v>-1.3800000000000026</v>
      </c>
      <c r="P22" s="9">
        <v>-2.1499999999999986</v>
      </c>
      <c r="Q22" s="10">
        <v>-1.7800000000000011</v>
      </c>
    </row>
    <row r="23" spans="1:17" ht="15.75" customHeight="1" x14ac:dyDescent="0.2">
      <c r="A23" s="6"/>
      <c r="B23" s="7" t="s">
        <v>32</v>
      </c>
      <c r="C23" s="22">
        <v>62007</v>
      </c>
      <c r="D23" s="23">
        <v>65882</v>
      </c>
      <c r="E23" s="24">
        <v>127889</v>
      </c>
      <c r="F23" s="22">
        <v>34157</v>
      </c>
      <c r="G23" s="23">
        <v>33935</v>
      </c>
      <c r="H23" s="24">
        <v>68092</v>
      </c>
      <c r="I23" s="22">
        <v>27850</v>
      </c>
      <c r="J23" s="23">
        <v>31947</v>
      </c>
      <c r="K23" s="24">
        <v>59797</v>
      </c>
      <c r="L23" s="25">
        <v>55.09</v>
      </c>
      <c r="M23" s="26">
        <v>51.51</v>
      </c>
      <c r="N23" s="27">
        <v>53.24</v>
      </c>
      <c r="O23" s="8">
        <v>-1.4199999999999946</v>
      </c>
      <c r="P23" s="9">
        <v>-2.5100000000000051</v>
      </c>
      <c r="Q23" s="10">
        <v>-1.9899999999999949</v>
      </c>
    </row>
    <row r="24" spans="1:17" ht="15.75" customHeight="1" x14ac:dyDescent="0.2">
      <c r="A24" s="6"/>
      <c r="B24" s="7" t="s">
        <v>33</v>
      </c>
      <c r="C24" s="22">
        <v>122260</v>
      </c>
      <c r="D24" s="23">
        <v>134403</v>
      </c>
      <c r="E24" s="24">
        <v>256663</v>
      </c>
      <c r="F24" s="22">
        <v>75108</v>
      </c>
      <c r="G24" s="23">
        <v>78068</v>
      </c>
      <c r="H24" s="24">
        <v>153176</v>
      </c>
      <c r="I24" s="22">
        <v>47152</v>
      </c>
      <c r="J24" s="23">
        <v>56335</v>
      </c>
      <c r="K24" s="24">
        <v>103487</v>
      </c>
      <c r="L24" s="25">
        <v>61.43</v>
      </c>
      <c r="M24" s="26">
        <v>58.09</v>
      </c>
      <c r="N24" s="27">
        <v>59.68</v>
      </c>
      <c r="O24" s="8">
        <v>0.27000000000000313</v>
      </c>
      <c r="P24" s="9">
        <v>-1</v>
      </c>
      <c r="Q24" s="10">
        <v>-0.39999999999999858</v>
      </c>
    </row>
    <row r="25" spans="1:17" ht="15.75" customHeight="1" x14ac:dyDescent="0.2">
      <c r="A25" s="6"/>
      <c r="B25" s="7" t="s">
        <v>34</v>
      </c>
      <c r="C25" s="22">
        <v>85741</v>
      </c>
      <c r="D25" s="23">
        <v>89624</v>
      </c>
      <c r="E25" s="24">
        <v>175365</v>
      </c>
      <c r="F25" s="22">
        <v>51044</v>
      </c>
      <c r="G25" s="23">
        <v>52174</v>
      </c>
      <c r="H25" s="24">
        <v>103218</v>
      </c>
      <c r="I25" s="22">
        <v>34697</v>
      </c>
      <c r="J25" s="23">
        <v>37450</v>
      </c>
      <c r="K25" s="24">
        <v>72147</v>
      </c>
      <c r="L25" s="25">
        <v>59.53</v>
      </c>
      <c r="M25" s="26">
        <v>58.21</v>
      </c>
      <c r="N25" s="27">
        <v>58.86</v>
      </c>
      <c r="O25" s="8">
        <v>1.1000000000000014</v>
      </c>
      <c r="P25" s="9">
        <v>0.56000000000000227</v>
      </c>
      <c r="Q25" s="10">
        <v>0.82999999999999829</v>
      </c>
    </row>
    <row r="26" spans="1:17" ht="15.75" customHeight="1" x14ac:dyDescent="0.2">
      <c r="A26" s="45" t="s">
        <v>35</v>
      </c>
      <c r="B26" s="46"/>
      <c r="C26" s="22">
        <v>643888</v>
      </c>
      <c r="D26" s="23">
        <v>634052</v>
      </c>
      <c r="E26" s="24">
        <v>1277940</v>
      </c>
      <c r="F26" s="22">
        <v>356109</v>
      </c>
      <c r="G26" s="23">
        <v>342421</v>
      </c>
      <c r="H26" s="24">
        <v>698530</v>
      </c>
      <c r="I26" s="22">
        <v>287779</v>
      </c>
      <c r="J26" s="23">
        <v>291631</v>
      </c>
      <c r="K26" s="24">
        <v>579410</v>
      </c>
      <c r="L26" s="25">
        <v>55.31</v>
      </c>
      <c r="M26" s="26">
        <v>54.01</v>
      </c>
      <c r="N26" s="27">
        <v>54.66</v>
      </c>
      <c r="O26" s="8">
        <v>0.21000000000000085</v>
      </c>
      <c r="P26" s="9">
        <v>-1.5300000000000011</v>
      </c>
      <c r="Q26" s="10">
        <v>-0.66000000000000369</v>
      </c>
    </row>
    <row r="27" spans="1:17" ht="15.75" customHeight="1" x14ac:dyDescent="0.2">
      <c r="A27" s="6"/>
      <c r="B27" s="7" t="s">
        <v>36</v>
      </c>
      <c r="C27" s="22">
        <v>103208</v>
      </c>
      <c r="D27" s="23">
        <v>85273</v>
      </c>
      <c r="E27" s="24">
        <v>188481</v>
      </c>
      <c r="F27" s="22">
        <v>48108</v>
      </c>
      <c r="G27" s="23">
        <v>41009</v>
      </c>
      <c r="H27" s="24">
        <v>89117</v>
      </c>
      <c r="I27" s="22">
        <v>55100</v>
      </c>
      <c r="J27" s="23">
        <v>44264</v>
      </c>
      <c r="K27" s="24">
        <v>99364</v>
      </c>
      <c r="L27" s="25">
        <v>46.61</v>
      </c>
      <c r="M27" s="26">
        <v>48.09</v>
      </c>
      <c r="N27" s="27">
        <v>47.28</v>
      </c>
      <c r="O27" s="8">
        <v>0.14000000000000057</v>
      </c>
      <c r="P27" s="9">
        <v>-2.1999999999999957</v>
      </c>
      <c r="Q27" s="10">
        <v>-0.92000000000000171</v>
      </c>
    </row>
    <row r="28" spans="1:17" ht="15.75" customHeight="1" x14ac:dyDescent="0.2">
      <c r="A28" s="6"/>
      <c r="B28" s="7" t="s">
        <v>37</v>
      </c>
      <c r="C28" s="22">
        <v>72771</v>
      </c>
      <c r="D28" s="23">
        <v>70326</v>
      </c>
      <c r="E28" s="24">
        <v>143097</v>
      </c>
      <c r="F28" s="22">
        <v>40925</v>
      </c>
      <c r="G28" s="23">
        <v>38443</v>
      </c>
      <c r="H28" s="24">
        <v>79368</v>
      </c>
      <c r="I28" s="22">
        <v>31846</v>
      </c>
      <c r="J28" s="23">
        <v>31883</v>
      </c>
      <c r="K28" s="24">
        <v>63729</v>
      </c>
      <c r="L28" s="25">
        <v>56.24</v>
      </c>
      <c r="M28" s="26">
        <v>54.66</v>
      </c>
      <c r="N28" s="27">
        <v>55.46</v>
      </c>
      <c r="O28" s="8">
        <v>0.25</v>
      </c>
      <c r="P28" s="9">
        <v>-1.8000000000000043</v>
      </c>
      <c r="Q28" s="10">
        <v>-0.75999999999999801</v>
      </c>
    </row>
    <row r="29" spans="1:17" ht="15.75" customHeight="1" x14ac:dyDescent="0.2">
      <c r="A29" s="6"/>
      <c r="B29" s="7" t="s">
        <v>38</v>
      </c>
      <c r="C29" s="22">
        <v>111300</v>
      </c>
      <c r="D29" s="23">
        <v>110157</v>
      </c>
      <c r="E29" s="24">
        <v>221457</v>
      </c>
      <c r="F29" s="22">
        <v>65876</v>
      </c>
      <c r="G29" s="23">
        <v>63011</v>
      </c>
      <c r="H29" s="24">
        <v>128887</v>
      </c>
      <c r="I29" s="22">
        <v>45424</v>
      </c>
      <c r="J29" s="23">
        <v>47146</v>
      </c>
      <c r="K29" s="24">
        <v>92570</v>
      </c>
      <c r="L29" s="25">
        <v>59.19</v>
      </c>
      <c r="M29" s="26">
        <v>57.2</v>
      </c>
      <c r="N29" s="27">
        <v>58.2</v>
      </c>
      <c r="O29" s="8">
        <v>1.5</v>
      </c>
      <c r="P29" s="9">
        <v>0.28000000000000114</v>
      </c>
      <c r="Q29" s="10">
        <v>0.89000000000000057</v>
      </c>
    </row>
    <row r="30" spans="1:17" ht="15.75" customHeight="1" x14ac:dyDescent="0.2">
      <c r="A30" s="6"/>
      <c r="B30" s="7" t="s">
        <v>39</v>
      </c>
      <c r="C30" s="22">
        <v>96861</v>
      </c>
      <c r="D30" s="23">
        <v>97948</v>
      </c>
      <c r="E30" s="24">
        <v>194809</v>
      </c>
      <c r="F30" s="22">
        <v>53777</v>
      </c>
      <c r="G30" s="23">
        <v>52582</v>
      </c>
      <c r="H30" s="24">
        <v>106359</v>
      </c>
      <c r="I30" s="22">
        <v>43084</v>
      </c>
      <c r="J30" s="23">
        <v>45366</v>
      </c>
      <c r="K30" s="24">
        <v>88450</v>
      </c>
      <c r="L30" s="25">
        <v>55.52</v>
      </c>
      <c r="M30" s="26">
        <v>53.68</v>
      </c>
      <c r="N30" s="27">
        <v>54.6</v>
      </c>
      <c r="O30" s="8">
        <v>1.220000000000006</v>
      </c>
      <c r="P30" s="9">
        <v>-0.66000000000000369</v>
      </c>
      <c r="Q30" s="10">
        <v>0.28000000000000114</v>
      </c>
    </row>
    <row r="31" spans="1:17" ht="15.75" customHeight="1" x14ac:dyDescent="0.2">
      <c r="A31" s="6"/>
      <c r="B31" s="7" t="s">
        <v>40</v>
      </c>
      <c r="C31" s="22">
        <v>94717</v>
      </c>
      <c r="D31" s="23">
        <v>92319</v>
      </c>
      <c r="E31" s="24">
        <v>187036</v>
      </c>
      <c r="F31" s="22">
        <v>52347</v>
      </c>
      <c r="G31" s="23">
        <v>49536</v>
      </c>
      <c r="H31" s="24">
        <v>101883</v>
      </c>
      <c r="I31" s="22">
        <v>42370</v>
      </c>
      <c r="J31" s="23">
        <v>42783</v>
      </c>
      <c r="K31" s="24">
        <v>85153</v>
      </c>
      <c r="L31" s="25">
        <v>55.27</v>
      </c>
      <c r="M31" s="26">
        <v>53.66</v>
      </c>
      <c r="N31" s="27">
        <v>54.47</v>
      </c>
      <c r="O31" s="8">
        <v>-0.30999999999999517</v>
      </c>
      <c r="P31" s="9">
        <v>-2.25</v>
      </c>
      <c r="Q31" s="10">
        <v>-1.2700000000000031</v>
      </c>
    </row>
    <row r="32" spans="1:17" ht="15.75" customHeight="1" x14ac:dyDescent="0.2">
      <c r="A32" s="6"/>
      <c r="B32" s="7" t="s">
        <v>41</v>
      </c>
      <c r="C32" s="22">
        <v>93850</v>
      </c>
      <c r="D32" s="23">
        <v>100308</v>
      </c>
      <c r="E32" s="24">
        <v>194158</v>
      </c>
      <c r="F32" s="22">
        <v>52675</v>
      </c>
      <c r="G32" s="23">
        <v>53989</v>
      </c>
      <c r="H32" s="24">
        <v>106664</v>
      </c>
      <c r="I32" s="22">
        <v>41175</v>
      </c>
      <c r="J32" s="23">
        <v>46319</v>
      </c>
      <c r="K32" s="24">
        <v>87494</v>
      </c>
      <c r="L32" s="25">
        <v>56.13</v>
      </c>
      <c r="M32" s="26">
        <v>53.82</v>
      </c>
      <c r="N32" s="27">
        <v>54.94</v>
      </c>
      <c r="O32" s="8">
        <v>-0.21999999999999886</v>
      </c>
      <c r="P32" s="9">
        <v>-1.6000000000000014</v>
      </c>
      <c r="Q32" s="10">
        <v>-0.92999999999999972</v>
      </c>
    </row>
    <row r="33" spans="1:17" ht="15.75" customHeight="1" x14ac:dyDescent="0.2">
      <c r="A33" s="6"/>
      <c r="B33" s="7" t="s">
        <v>42</v>
      </c>
      <c r="C33" s="22">
        <v>71181</v>
      </c>
      <c r="D33" s="23">
        <v>77721</v>
      </c>
      <c r="E33" s="24">
        <v>148902</v>
      </c>
      <c r="F33" s="22">
        <v>42401</v>
      </c>
      <c r="G33" s="23">
        <v>43851</v>
      </c>
      <c r="H33" s="24">
        <v>86252</v>
      </c>
      <c r="I33" s="22">
        <v>28780</v>
      </c>
      <c r="J33" s="23">
        <v>33870</v>
      </c>
      <c r="K33" s="24">
        <v>62650</v>
      </c>
      <c r="L33" s="25">
        <v>59.57</v>
      </c>
      <c r="M33" s="26">
        <v>56.42</v>
      </c>
      <c r="N33" s="27">
        <v>57.93</v>
      </c>
      <c r="O33" s="8">
        <v>-1.9099999999999966</v>
      </c>
      <c r="P33" s="9">
        <v>-3.3299999999999983</v>
      </c>
      <c r="Q33" s="10">
        <v>-2.6499999999999986</v>
      </c>
    </row>
    <row r="34" spans="1:17" ht="15.75" customHeight="1" x14ac:dyDescent="0.2">
      <c r="A34" s="45" t="s">
        <v>43</v>
      </c>
      <c r="B34" s="46"/>
      <c r="C34" s="22">
        <v>299714</v>
      </c>
      <c r="D34" s="23">
        <v>301982</v>
      </c>
      <c r="E34" s="24">
        <v>601696</v>
      </c>
      <c r="F34" s="22">
        <v>163175</v>
      </c>
      <c r="G34" s="23">
        <v>158861</v>
      </c>
      <c r="H34" s="24">
        <v>322036</v>
      </c>
      <c r="I34" s="22">
        <v>136539</v>
      </c>
      <c r="J34" s="23">
        <v>143121</v>
      </c>
      <c r="K34" s="24">
        <v>279660</v>
      </c>
      <c r="L34" s="25">
        <v>54.44</v>
      </c>
      <c r="M34" s="26">
        <v>52.61</v>
      </c>
      <c r="N34" s="27">
        <v>53.52</v>
      </c>
      <c r="O34" s="8">
        <v>0.57000000000000028</v>
      </c>
      <c r="P34" s="9">
        <v>-1.0200000000000031</v>
      </c>
      <c r="Q34" s="10">
        <v>-0.22999999999999687</v>
      </c>
    </row>
    <row r="35" spans="1:17" ht="15.75" customHeight="1" x14ac:dyDescent="0.2">
      <c r="A35" s="6"/>
      <c r="B35" s="7" t="s">
        <v>44</v>
      </c>
      <c r="C35" s="22">
        <v>70415</v>
      </c>
      <c r="D35" s="23">
        <v>69993</v>
      </c>
      <c r="E35" s="24">
        <v>140408</v>
      </c>
      <c r="F35" s="22">
        <v>38466</v>
      </c>
      <c r="G35" s="23">
        <v>37114</v>
      </c>
      <c r="H35" s="24">
        <v>75580</v>
      </c>
      <c r="I35" s="22">
        <v>31949</v>
      </c>
      <c r="J35" s="23">
        <v>32879</v>
      </c>
      <c r="K35" s="24">
        <v>64828</v>
      </c>
      <c r="L35" s="25">
        <v>54.63</v>
      </c>
      <c r="M35" s="26">
        <v>53.03</v>
      </c>
      <c r="N35" s="27">
        <v>53.83</v>
      </c>
      <c r="O35" s="8">
        <v>5.0000000000004263E-2</v>
      </c>
      <c r="P35" s="9">
        <v>-1.1700000000000017</v>
      </c>
      <c r="Q35" s="10">
        <v>-0.56000000000000227</v>
      </c>
    </row>
    <row r="36" spans="1:17" ht="15.75" customHeight="1" x14ac:dyDescent="0.2">
      <c r="A36" s="6"/>
      <c r="B36" s="7" t="s">
        <v>45</v>
      </c>
      <c r="C36" s="22">
        <v>113638</v>
      </c>
      <c r="D36" s="23">
        <v>112927</v>
      </c>
      <c r="E36" s="24">
        <v>226565</v>
      </c>
      <c r="F36" s="22">
        <v>58725</v>
      </c>
      <c r="G36" s="23">
        <v>56745</v>
      </c>
      <c r="H36" s="24">
        <v>115470</v>
      </c>
      <c r="I36" s="22">
        <v>54913</v>
      </c>
      <c r="J36" s="23">
        <v>56182</v>
      </c>
      <c r="K36" s="24">
        <v>111095</v>
      </c>
      <c r="L36" s="25">
        <v>51.68</v>
      </c>
      <c r="M36" s="26">
        <v>50.25</v>
      </c>
      <c r="N36" s="27">
        <v>50.97</v>
      </c>
      <c r="O36" s="8">
        <v>3.9999999999999147E-2</v>
      </c>
      <c r="P36" s="9">
        <v>-1.6199999999999974</v>
      </c>
      <c r="Q36" s="10">
        <v>-0.78000000000000114</v>
      </c>
    </row>
    <row r="37" spans="1:17" ht="15.75" customHeight="1" x14ac:dyDescent="0.2">
      <c r="A37" s="6"/>
      <c r="B37" s="7" t="s">
        <v>46</v>
      </c>
      <c r="C37" s="22">
        <v>115661</v>
      </c>
      <c r="D37" s="23">
        <v>119062</v>
      </c>
      <c r="E37" s="24">
        <v>234723</v>
      </c>
      <c r="F37" s="22">
        <v>65984</v>
      </c>
      <c r="G37" s="23">
        <v>65002</v>
      </c>
      <c r="H37" s="24">
        <v>130986</v>
      </c>
      <c r="I37" s="22">
        <v>49677</v>
      </c>
      <c r="J37" s="23">
        <v>54060</v>
      </c>
      <c r="K37" s="24">
        <v>103737</v>
      </c>
      <c r="L37" s="25">
        <v>57.05</v>
      </c>
      <c r="M37" s="26">
        <v>54.6</v>
      </c>
      <c r="N37" s="27">
        <v>55.8</v>
      </c>
      <c r="O37" s="8">
        <v>1.4199999999999946</v>
      </c>
      <c r="P37" s="9">
        <v>-0.35999999999999943</v>
      </c>
      <c r="Q37" s="10">
        <v>0.50999999999999801</v>
      </c>
    </row>
    <row r="38" spans="1:17" ht="15.75" customHeight="1" x14ac:dyDescent="0.2">
      <c r="A38" s="45" t="s">
        <v>47</v>
      </c>
      <c r="B38" s="46"/>
      <c r="C38" s="22">
        <v>159335</v>
      </c>
      <c r="D38" s="23">
        <v>163448</v>
      </c>
      <c r="E38" s="24">
        <v>322783</v>
      </c>
      <c r="F38" s="22">
        <v>86496</v>
      </c>
      <c r="G38" s="23">
        <v>86892</v>
      </c>
      <c r="H38" s="24">
        <v>173388</v>
      </c>
      <c r="I38" s="22">
        <v>72839</v>
      </c>
      <c r="J38" s="23">
        <v>76556</v>
      </c>
      <c r="K38" s="24">
        <v>149395</v>
      </c>
      <c r="L38" s="25">
        <v>54.29</v>
      </c>
      <c r="M38" s="26">
        <v>53.16</v>
      </c>
      <c r="N38" s="27">
        <v>53.72</v>
      </c>
      <c r="O38" s="8">
        <v>2.6199999999999974</v>
      </c>
      <c r="P38" s="9">
        <v>1.5499999999999972</v>
      </c>
      <c r="Q38" s="10">
        <v>2.0799999999999983</v>
      </c>
    </row>
    <row r="39" spans="1:17" ht="15.75" customHeight="1" x14ac:dyDescent="0.2">
      <c r="A39" s="45" t="s">
        <v>48</v>
      </c>
      <c r="B39" s="46"/>
      <c r="C39" s="22">
        <v>108026</v>
      </c>
      <c r="D39" s="23">
        <v>108949</v>
      </c>
      <c r="E39" s="24">
        <v>216975</v>
      </c>
      <c r="F39" s="22">
        <v>53353</v>
      </c>
      <c r="G39" s="23">
        <v>51710</v>
      </c>
      <c r="H39" s="24">
        <v>105063</v>
      </c>
      <c r="I39" s="22">
        <v>54673</v>
      </c>
      <c r="J39" s="23">
        <v>57239</v>
      </c>
      <c r="K39" s="24">
        <v>111912</v>
      </c>
      <c r="L39" s="25">
        <v>49.39</v>
      </c>
      <c r="M39" s="26">
        <v>47.46</v>
      </c>
      <c r="N39" s="27">
        <v>48.42</v>
      </c>
      <c r="O39" s="8">
        <v>-1.5799999999999983</v>
      </c>
      <c r="P39" s="9">
        <v>-3.3699999999999974</v>
      </c>
      <c r="Q39" s="10">
        <v>-2.4799999999999969</v>
      </c>
    </row>
    <row r="40" spans="1:17" ht="15.75" customHeight="1" x14ac:dyDescent="0.2">
      <c r="A40" s="45" t="s">
        <v>49</v>
      </c>
      <c r="B40" s="46"/>
      <c r="C40" s="22">
        <v>69602</v>
      </c>
      <c r="D40" s="23">
        <v>79755</v>
      </c>
      <c r="E40" s="24">
        <v>149357</v>
      </c>
      <c r="F40" s="22">
        <v>44138</v>
      </c>
      <c r="G40" s="23">
        <v>47796</v>
      </c>
      <c r="H40" s="24">
        <v>91934</v>
      </c>
      <c r="I40" s="22">
        <v>25464</v>
      </c>
      <c r="J40" s="23">
        <v>31959</v>
      </c>
      <c r="K40" s="24">
        <v>57423</v>
      </c>
      <c r="L40" s="25">
        <v>63.41</v>
      </c>
      <c r="M40" s="26">
        <v>59.93</v>
      </c>
      <c r="N40" s="27">
        <v>61.55</v>
      </c>
      <c r="O40" s="8">
        <v>1.9899999999999949</v>
      </c>
      <c r="P40" s="9">
        <v>1.1700000000000017</v>
      </c>
      <c r="Q40" s="10">
        <v>1.5499999999999972</v>
      </c>
    </row>
    <row r="41" spans="1:17" ht="15.75" customHeight="1" x14ac:dyDescent="0.2">
      <c r="A41" s="45" t="s">
        <v>50</v>
      </c>
      <c r="B41" s="46"/>
      <c r="C41" s="22">
        <v>181268</v>
      </c>
      <c r="D41" s="23">
        <v>188982</v>
      </c>
      <c r="E41" s="24">
        <v>370250</v>
      </c>
      <c r="F41" s="22">
        <v>102027</v>
      </c>
      <c r="G41" s="23">
        <v>101663</v>
      </c>
      <c r="H41" s="24">
        <v>203690</v>
      </c>
      <c r="I41" s="22">
        <v>79241</v>
      </c>
      <c r="J41" s="23">
        <v>87319</v>
      </c>
      <c r="K41" s="24">
        <v>166560</v>
      </c>
      <c r="L41" s="25">
        <v>56.29</v>
      </c>
      <c r="M41" s="26">
        <v>53.8</v>
      </c>
      <c r="N41" s="27">
        <v>55.01</v>
      </c>
      <c r="O41" s="8">
        <v>2.1999999999999957</v>
      </c>
      <c r="P41" s="9">
        <v>0.90999999999999659</v>
      </c>
      <c r="Q41" s="10">
        <v>1.5300000000000011</v>
      </c>
    </row>
    <row r="42" spans="1:17" ht="15.75" customHeight="1" x14ac:dyDescent="0.2">
      <c r="A42" s="45" t="s">
        <v>51</v>
      </c>
      <c r="B42" s="46"/>
      <c r="C42" s="22">
        <v>76647</v>
      </c>
      <c r="D42" s="23">
        <v>81948</v>
      </c>
      <c r="E42" s="24">
        <v>158595</v>
      </c>
      <c r="F42" s="22">
        <v>37879</v>
      </c>
      <c r="G42" s="23">
        <v>39018</v>
      </c>
      <c r="H42" s="24">
        <v>76897</v>
      </c>
      <c r="I42" s="22">
        <v>38768</v>
      </c>
      <c r="J42" s="23">
        <v>42930</v>
      </c>
      <c r="K42" s="24">
        <v>81698</v>
      </c>
      <c r="L42" s="25">
        <v>49.42</v>
      </c>
      <c r="M42" s="26">
        <v>47.61</v>
      </c>
      <c r="N42" s="27">
        <v>48.49</v>
      </c>
      <c r="O42" s="8">
        <v>-3.4899999999999949</v>
      </c>
      <c r="P42" s="9">
        <v>-4.4500000000000028</v>
      </c>
      <c r="Q42" s="10">
        <v>-3.9799999999999969</v>
      </c>
    </row>
    <row r="43" spans="1:17" ht="15.75" customHeight="1" x14ac:dyDescent="0.2">
      <c r="A43" s="45" t="s">
        <v>52</v>
      </c>
      <c r="B43" s="46"/>
      <c r="C43" s="22">
        <v>100266</v>
      </c>
      <c r="D43" s="23">
        <v>107978</v>
      </c>
      <c r="E43" s="24">
        <v>208244</v>
      </c>
      <c r="F43" s="22">
        <v>55702</v>
      </c>
      <c r="G43" s="23">
        <v>56885</v>
      </c>
      <c r="H43" s="24">
        <v>112587</v>
      </c>
      <c r="I43" s="22">
        <v>44564</v>
      </c>
      <c r="J43" s="23">
        <v>51093</v>
      </c>
      <c r="K43" s="24">
        <v>95657</v>
      </c>
      <c r="L43" s="25">
        <v>55.55</v>
      </c>
      <c r="M43" s="26">
        <v>52.68</v>
      </c>
      <c r="N43" s="27">
        <v>54.06</v>
      </c>
      <c r="O43" s="8">
        <v>9.9999999999980105E-3</v>
      </c>
      <c r="P43" s="9">
        <v>-2.0399999999999991</v>
      </c>
      <c r="Q43" s="10">
        <v>-1.0599999999999952</v>
      </c>
    </row>
    <row r="44" spans="1:17" ht="15.75" customHeight="1" x14ac:dyDescent="0.2">
      <c r="A44" s="45" t="s">
        <v>53</v>
      </c>
      <c r="B44" s="46"/>
      <c r="C44" s="22">
        <v>22688</v>
      </c>
      <c r="D44" s="23">
        <v>26521</v>
      </c>
      <c r="E44" s="24">
        <v>49209</v>
      </c>
      <c r="F44" s="22">
        <v>14023</v>
      </c>
      <c r="G44" s="23">
        <v>15544</v>
      </c>
      <c r="H44" s="24">
        <v>29567</v>
      </c>
      <c r="I44" s="22">
        <v>8665</v>
      </c>
      <c r="J44" s="23">
        <v>10977</v>
      </c>
      <c r="K44" s="24">
        <v>19642</v>
      </c>
      <c r="L44" s="25">
        <v>61.81</v>
      </c>
      <c r="M44" s="26">
        <v>58.61</v>
      </c>
      <c r="N44" s="27">
        <v>60.08</v>
      </c>
      <c r="O44" s="8">
        <v>0.27000000000000313</v>
      </c>
      <c r="P44" s="9">
        <v>0.32999999999999829</v>
      </c>
      <c r="Q44" s="10">
        <v>0.28999999999999915</v>
      </c>
    </row>
    <row r="45" spans="1:17" ht="15.75" customHeight="1" x14ac:dyDescent="0.2">
      <c r="A45" s="45" t="s">
        <v>54</v>
      </c>
      <c r="B45" s="46"/>
      <c r="C45" s="22">
        <v>16791</v>
      </c>
      <c r="D45" s="23">
        <v>18214</v>
      </c>
      <c r="E45" s="24">
        <v>35005</v>
      </c>
      <c r="F45" s="22">
        <v>9204</v>
      </c>
      <c r="G45" s="23">
        <v>9931</v>
      </c>
      <c r="H45" s="24">
        <v>19135</v>
      </c>
      <c r="I45" s="22">
        <v>7587</v>
      </c>
      <c r="J45" s="23">
        <v>8283</v>
      </c>
      <c r="K45" s="24">
        <v>15870</v>
      </c>
      <c r="L45" s="25">
        <v>54.82</v>
      </c>
      <c r="M45" s="26">
        <v>54.52</v>
      </c>
      <c r="N45" s="27">
        <v>54.66</v>
      </c>
      <c r="O45" s="8">
        <v>3.240000000000002</v>
      </c>
      <c r="P45" s="9">
        <v>2.0500000000000043</v>
      </c>
      <c r="Q45" s="10">
        <v>2.6199999999999974</v>
      </c>
    </row>
    <row r="46" spans="1:17" ht="15.75" customHeight="1" x14ac:dyDescent="0.2">
      <c r="A46" s="45" t="s">
        <v>55</v>
      </c>
      <c r="B46" s="46"/>
      <c r="C46" s="22">
        <v>66539</v>
      </c>
      <c r="D46" s="23">
        <v>67219</v>
      </c>
      <c r="E46" s="24">
        <v>133758</v>
      </c>
      <c r="F46" s="22">
        <v>33098</v>
      </c>
      <c r="G46" s="23">
        <v>31771</v>
      </c>
      <c r="H46" s="24">
        <v>64869</v>
      </c>
      <c r="I46" s="22">
        <v>33441</v>
      </c>
      <c r="J46" s="23">
        <v>35448</v>
      </c>
      <c r="K46" s="24">
        <v>68889</v>
      </c>
      <c r="L46" s="25">
        <v>49.74</v>
      </c>
      <c r="M46" s="26">
        <v>47.26</v>
      </c>
      <c r="N46" s="27">
        <v>48.5</v>
      </c>
      <c r="O46" s="8">
        <v>-1.7999999999999972</v>
      </c>
      <c r="P46" s="9">
        <v>-2.8999999999999986</v>
      </c>
      <c r="Q46" s="10">
        <v>-2.3400000000000034</v>
      </c>
    </row>
    <row r="47" spans="1:17" ht="15.75" customHeight="1" x14ac:dyDescent="0.2">
      <c r="A47" s="45" t="s">
        <v>56</v>
      </c>
      <c r="B47" s="46"/>
      <c r="C47" s="22">
        <v>94455</v>
      </c>
      <c r="D47" s="23">
        <v>89160</v>
      </c>
      <c r="E47" s="24">
        <v>183615</v>
      </c>
      <c r="F47" s="22">
        <v>48134</v>
      </c>
      <c r="G47" s="23">
        <v>44314</v>
      </c>
      <c r="H47" s="24">
        <v>92448</v>
      </c>
      <c r="I47" s="22">
        <v>46321</v>
      </c>
      <c r="J47" s="23">
        <v>44846</v>
      </c>
      <c r="K47" s="24">
        <v>91167</v>
      </c>
      <c r="L47" s="25">
        <v>50.96</v>
      </c>
      <c r="M47" s="26">
        <v>49.7</v>
      </c>
      <c r="N47" s="27">
        <v>50.35</v>
      </c>
      <c r="O47" s="8">
        <v>0.24000000000000199</v>
      </c>
      <c r="P47" s="9">
        <v>-1.5</v>
      </c>
      <c r="Q47" s="10">
        <v>-0.60000000000000142</v>
      </c>
    </row>
    <row r="48" spans="1:17" ht="15.75" customHeight="1" x14ac:dyDescent="0.2">
      <c r="A48" s="45" t="s">
        <v>57</v>
      </c>
      <c r="B48" s="46"/>
      <c r="C48" s="22">
        <v>100859</v>
      </c>
      <c r="D48" s="23">
        <v>102569</v>
      </c>
      <c r="E48" s="24">
        <v>203428</v>
      </c>
      <c r="F48" s="22">
        <v>55079</v>
      </c>
      <c r="G48" s="23">
        <v>54607</v>
      </c>
      <c r="H48" s="24">
        <v>109686</v>
      </c>
      <c r="I48" s="22">
        <v>45780</v>
      </c>
      <c r="J48" s="23">
        <v>47962</v>
      </c>
      <c r="K48" s="24">
        <v>93742</v>
      </c>
      <c r="L48" s="25">
        <v>54.61</v>
      </c>
      <c r="M48" s="26">
        <v>53.24</v>
      </c>
      <c r="N48" s="27">
        <v>53.92</v>
      </c>
      <c r="O48" s="8">
        <v>2.1599999999999966</v>
      </c>
      <c r="P48" s="9">
        <v>0.64000000000000057</v>
      </c>
      <c r="Q48" s="10">
        <v>1.3900000000000006</v>
      </c>
    </row>
    <row r="49" spans="1:17" ht="15.75" customHeight="1" x14ac:dyDescent="0.2">
      <c r="A49" s="45" t="s">
        <v>58</v>
      </c>
      <c r="B49" s="46"/>
      <c r="C49" s="22">
        <v>42117</v>
      </c>
      <c r="D49" s="23">
        <v>41103</v>
      </c>
      <c r="E49" s="24">
        <v>83220</v>
      </c>
      <c r="F49" s="22">
        <v>21942</v>
      </c>
      <c r="G49" s="23">
        <v>20823</v>
      </c>
      <c r="H49" s="24">
        <v>42765</v>
      </c>
      <c r="I49" s="22">
        <v>20175</v>
      </c>
      <c r="J49" s="23">
        <v>20280</v>
      </c>
      <c r="K49" s="24">
        <v>40455</v>
      </c>
      <c r="L49" s="25">
        <v>52.1</v>
      </c>
      <c r="M49" s="26">
        <v>50.66</v>
      </c>
      <c r="N49" s="27">
        <v>51.39</v>
      </c>
      <c r="O49" s="8">
        <v>-1.0599999999999952</v>
      </c>
      <c r="P49" s="9">
        <v>-2.0700000000000003</v>
      </c>
      <c r="Q49" s="10">
        <v>-1.5600000000000023</v>
      </c>
    </row>
    <row r="50" spans="1:17" ht="15.75" customHeight="1" x14ac:dyDescent="0.2">
      <c r="A50" s="45" t="s">
        <v>59</v>
      </c>
      <c r="B50" s="46"/>
      <c r="C50" s="22">
        <v>58012</v>
      </c>
      <c r="D50" s="23">
        <v>58359</v>
      </c>
      <c r="E50" s="24">
        <v>116371</v>
      </c>
      <c r="F50" s="22">
        <v>33575</v>
      </c>
      <c r="G50" s="23">
        <v>33067</v>
      </c>
      <c r="H50" s="24">
        <v>66642</v>
      </c>
      <c r="I50" s="22">
        <v>24437</v>
      </c>
      <c r="J50" s="23">
        <v>25292</v>
      </c>
      <c r="K50" s="24">
        <v>49729</v>
      </c>
      <c r="L50" s="25">
        <v>57.88</v>
      </c>
      <c r="M50" s="26">
        <v>56.66</v>
      </c>
      <c r="N50" s="27">
        <v>57.27</v>
      </c>
      <c r="O50" s="8">
        <v>0.98000000000000398</v>
      </c>
      <c r="P50" s="9">
        <v>-0.45000000000000284</v>
      </c>
      <c r="Q50" s="10">
        <v>0.26000000000000512</v>
      </c>
    </row>
    <row r="51" spans="1:17" ht="15.75" customHeight="1" x14ac:dyDescent="0.2">
      <c r="A51" s="45" t="s">
        <v>60</v>
      </c>
      <c r="B51" s="46"/>
      <c r="C51" s="22">
        <v>54766</v>
      </c>
      <c r="D51" s="23">
        <v>55362</v>
      </c>
      <c r="E51" s="24">
        <v>110128</v>
      </c>
      <c r="F51" s="22">
        <v>28464</v>
      </c>
      <c r="G51" s="23">
        <v>27470</v>
      </c>
      <c r="H51" s="24">
        <v>55934</v>
      </c>
      <c r="I51" s="22">
        <v>26302</v>
      </c>
      <c r="J51" s="23">
        <v>27892</v>
      </c>
      <c r="K51" s="24">
        <v>54194</v>
      </c>
      <c r="L51" s="25">
        <v>51.97</v>
      </c>
      <c r="M51" s="26">
        <v>49.62</v>
      </c>
      <c r="N51" s="27">
        <v>50.79</v>
      </c>
      <c r="O51" s="8">
        <v>2.2800000000000011</v>
      </c>
      <c r="P51" s="9">
        <v>0.90999999999999659</v>
      </c>
      <c r="Q51" s="10">
        <v>1.5899999999999963</v>
      </c>
    </row>
    <row r="52" spans="1:17" ht="15.75" customHeight="1" x14ac:dyDescent="0.2">
      <c r="A52" s="45" t="s">
        <v>61</v>
      </c>
      <c r="B52" s="46"/>
      <c r="C52" s="22">
        <v>16751</v>
      </c>
      <c r="D52" s="23">
        <v>17536</v>
      </c>
      <c r="E52" s="24">
        <v>34287</v>
      </c>
      <c r="F52" s="22">
        <v>8449</v>
      </c>
      <c r="G52" s="23">
        <v>8326</v>
      </c>
      <c r="H52" s="24">
        <v>16775</v>
      </c>
      <c r="I52" s="22">
        <v>8302</v>
      </c>
      <c r="J52" s="23">
        <v>9210</v>
      </c>
      <c r="K52" s="24">
        <v>17512</v>
      </c>
      <c r="L52" s="25">
        <v>50.44</v>
      </c>
      <c r="M52" s="26">
        <v>47.48</v>
      </c>
      <c r="N52" s="27">
        <v>48.93</v>
      </c>
      <c r="O52" s="8">
        <v>-5.0100000000000051</v>
      </c>
      <c r="P52" s="9">
        <v>-6.4500000000000028</v>
      </c>
      <c r="Q52" s="10">
        <v>-5.740000000000002</v>
      </c>
    </row>
    <row r="53" spans="1:17" ht="15.75" customHeight="1" x14ac:dyDescent="0.2">
      <c r="A53" s="45" t="s">
        <v>62</v>
      </c>
      <c r="B53" s="46"/>
      <c r="C53" s="22">
        <v>33662</v>
      </c>
      <c r="D53" s="23">
        <v>33128</v>
      </c>
      <c r="E53" s="24">
        <v>66790</v>
      </c>
      <c r="F53" s="22">
        <v>16521</v>
      </c>
      <c r="G53" s="23">
        <v>15617</v>
      </c>
      <c r="H53" s="24">
        <v>32138</v>
      </c>
      <c r="I53" s="22">
        <v>17141</v>
      </c>
      <c r="J53" s="23">
        <v>17511</v>
      </c>
      <c r="K53" s="24">
        <v>34652</v>
      </c>
      <c r="L53" s="25">
        <v>49.08</v>
      </c>
      <c r="M53" s="26">
        <v>47.14</v>
      </c>
      <c r="N53" s="27">
        <v>48.12</v>
      </c>
      <c r="O53" s="8">
        <v>0.39999999999999858</v>
      </c>
      <c r="P53" s="9">
        <v>-1.9799999999999969</v>
      </c>
      <c r="Q53" s="10">
        <v>-0.77000000000000313</v>
      </c>
    </row>
    <row r="54" spans="1:17" ht="15.75" customHeight="1" x14ac:dyDescent="0.2">
      <c r="A54" s="45" t="s">
        <v>63</v>
      </c>
      <c r="B54" s="46"/>
      <c r="C54" s="22">
        <v>12212</v>
      </c>
      <c r="D54" s="23">
        <v>14404</v>
      </c>
      <c r="E54" s="24">
        <v>26616</v>
      </c>
      <c r="F54" s="22">
        <v>7677</v>
      </c>
      <c r="G54" s="23">
        <v>8530</v>
      </c>
      <c r="H54" s="24">
        <v>16207</v>
      </c>
      <c r="I54" s="22">
        <v>4535</v>
      </c>
      <c r="J54" s="23">
        <v>5874</v>
      </c>
      <c r="K54" s="24">
        <v>10409</v>
      </c>
      <c r="L54" s="25">
        <v>62.86</v>
      </c>
      <c r="M54" s="26">
        <v>59.22</v>
      </c>
      <c r="N54" s="27">
        <v>60.89</v>
      </c>
      <c r="O54" s="8">
        <v>3.7999999999999972</v>
      </c>
      <c r="P54" s="9">
        <v>3.3200000000000003</v>
      </c>
      <c r="Q54" s="10">
        <v>3.5399999999999991</v>
      </c>
    </row>
    <row r="55" spans="1:17" ht="15.75" customHeight="1" x14ac:dyDescent="0.2">
      <c r="A55" s="6"/>
      <c r="B55" s="7" t="s">
        <v>64</v>
      </c>
      <c r="C55" s="22">
        <v>12212</v>
      </c>
      <c r="D55" s="23">
        <v>14404</v>
      </c>
      <c r="E55" s="24">
        <v>26616</v>
      </c>
      <c r="F55" s="22">
        <v>7677</v>
      </c>
      <c r="G55" s="23">
        <v>8530</v>
      </c>
      <c r="H55" s="24">
        <v>16207</v>
      </c>
      <c r="I55" s="22">
        <v>4535</v>
      </c>
      <c r="J55" s="23">
        <v>5874</v>
      </c>
      <c r="K55" s="24">
        <v>10409</v>
      </c>
      <c r="L55" s="25">
        <v>62.86</v>
      </c>
      <c r="M55" s="26">
        <v>59.22</v>
      </c>
      <c r="N55" s="27">
        <v>60.89</v>
      </c>
      <c r="O55" s="8">
        <v>3.7999999999999972</v>
      </c>
      <c r="P55" s="9">
        <v>3.3200000000000003</v>
      </c>
      <c r="Q55" s="10">
        <v>3.5399999999999991</v>
      </c>
    </row>
    <row r="56" spans="1:17" ht="15.75" customHeight="1" x14ac:dyDescent="0.2">
      <c r="A56" s="45" t="s">
        <v>65</v>
      </c>
      <c r="B56" s="46"/>
      <c r="C56" s="22">
        <v>20259</v>
      </c>
      <c r="D56" s="23">
        <v>20032</v>
      </c>
      <c r="E56" s="24">
        <v>40291</v>
      </c>
      <c r="F56" s="22">
        <v>9275</v>
      </c>
      <c r="G56" s="23">
        <v>8926</v>
      </c>
      <c r="H56" s="24">
        <v>18201</v>
      </c>
      <c r="I56" s="22">
        <v>10984</v>
      </c>
      <c r="J56" s="23">
        <v>11106</v>
      </c>
      <c r="K56" s="24">
        <v>22090</v>
      </c>
      <c r="L56" s="25">
        <v>45.78</v>
      </c>
      <c r="M56" s="26">
        <v>44.56</v>
      </c>
      <c r="N56" s="27">
        <v>45.17</v>
      </c>
      <c r="O56" s="8">
        <v>-1.2899999999999991</v>
      </c>
      <c r="P56" s="9">
        <v>-3.3599999999999994</v>
      </c>
      <c r="Q56" s="10">
        <v>-2.3200000000000003</v>
      </c>
    </row>
    <row r="57" spans="1:17" ht="15.75" customHeight="1" x14ac:dyDescent="0.2">
      <c r="A57" s="6"/>
      <c r="B57" s="7" t="s">
        <v>66</v>
      </c>
      <c r="C57" s="22">
        <v>20259</v>
      </c>
      <c r="D57" s="23">
        <v>20032</v>
      </c>
      <c r="E57" s="24">
        <v>40291</v>
      </c>
      <c r="F57" s="22">
        <v>9275</v>
      </c>
      <c r="G57" s="23">
        <v>8926</v>
      </c>
      <c r="H57" s="24">
        <v>18201</v>
      </c>
      <c r="I57" s="22">
        <v>10984</v>
      </c>
      <c r="J57" s="23">
        <v>11106</v>
      </c>
      <c r="K57" s="24">
        <v>22090</v>
      </c>
      <c r="L57" s="25">
        <v>45.78</v>
      </c>
      <c r="M57" s="26">
        <v>44.56</v>
      </c>
      <c r="N57" s="27">
        <v>45.17</v>
      </c>
      <c r="O57" s="8">
        <v>-1.2899999999999991</v>
      </c>
      <c r="P57" s="9">
        <v>-3.3599999999999994</v>
      </c>
      <c r="Q57" s="10">
        <v>-2.3200000000000003</v>
      </c>
    </row>
    <row r="58" spans="1:17" ht="15.75" customHeight="1" x14ac:dyDescent="0.2">
      <c r="A58" s="45" t="s">
        <v>67</v>
      </c>
      <c r="B58" s="46"/>
      <c r="C58" s="22">
        <v>24529</v>
      </c>
      <c r="D58" s="23">
        <v>26415</v>
      </c>
      <c r="E58" s="24">
        <v>50944</v>
      </c>
      <c r="F58" s="22">
        <v>13636</v>
      </c>
      <c r="G58" s="23">
        <v>13701</v>
      </c>
      <c r="H58" s="24">
        <v>27337</v>
      </c>
      <c r="I58" s="22">
        <v>10893</v>
      </c>
      <c r="J58" s="23">
        <v>12714</v>
      </c>
      <c r="K58" s="24">
        <v>23607</v>
      </c>
      <c r="L58" s="25">
        <v>55.59</v>
      </c>
      <c r="M58" s="26">
        <v>51.87</v>
      </c>
      <c r="N58" s="27">
        <v>53.66</v>
      </c>
      <c r="O58" s="8">
        <v>-3.0899999999999963</v>
      </c>
      <c r="P58" s="9">
        <v>-4.9000000000000057</v>
      </c>
      <c r="Q58" s="10">
        <v>-4.0300000000000011</v>
      </c>
    </row>
    <row r="59" spans="1:17" ht="15.75" customHeight="1" x14ac:dyDescent="0.2">
      <c r="A59" s="6"/>
      <c r="B59" s="7" t="s">
        <v>68</v>
      </c>
      <c r="C59" s="22">
        <v>13144</v>
      </c>
      <c r="D59" s="23">
        <v>14058</v>
      </c>
      <c r="E59" s="24">
        <v>27202</v>
      </c>
      <c r="F59" s="22">
        <v>7249</v>
      </c>
      <c r="G59" s="23">
        <v>7180</v>
      </c>
      <c r="H59" s="24">
        <v>14429</v>
      </c>
      <c r="I59" s="22">
        <v>5895</v>
      </c>
      <c r="J59" s="23">
        <v>6878</v>
      </c>
      <c r="K59" s="24">
        <v>12773</v>
      </c>
      <c r="L59" s="25">
        <v>55.15</v>
      </c>
      <c r="M59" s="26">
        <v>51.07</v>
      </c>
      <c r="N59" s="27">
        <v>53.04</v>
      </c>
      <c r="O59" s="8">
        <v>-3.480000000000004</v>
      </c>
      <c r="P59" s="9">
        <v>-5.3599999999999994</v>
      </c>
      <c r="Q59" s="10">
        <v>-4.4600000000000009</v>
      </c>
    </row>
    <row r="60" spans="1:17" ht="15.75" customHeight="1" x14ac:dyDescent="0.2">
      <c r="A60" s="6"/>
      <c r="B60" s="7" t="s">
        <v>69</v>
      </c>
      <c r="C60" s="22">
        <v>11385</v>
      </c>
      <c r="D60" s="23">
        <v>12357</v>
      </c>
      <c r="E60" s="24">
        <v>23742</v>
      </c>
      <c r="F60" s="22">
        <v>6387</v>
      </c>
      <c r="G60" s="23">
        <v>6521</v>
      </c>
      <c r="H60" s="24">
        <v>12908</v>
      </c>
      <c r="I60" s="22">
        <v>4998</v>
      </c>
      <c r="J60" s="23">
        <v>5836</v>
      </c>
      <c r="K60" s="24">
        <v>10834</v>
      </c>
      <c r="L60" s="25">
        <v>56.1</v>
      </c>
      <c r="M60" s="26">
        <v>52.77</v>
      </c>
      <c r="N60" s="27">
        <v>54.37</v>
      </c>
      <c r="O60" s="8">
        <v>-2.6400000000000006</v>
      </c>
      <c r="P60" s="9">
        <v>-4.3899999999999935</v>
      </c>
      <c r="Q60" s="10">
        <v>-3.5500000000000043</v>
      </c>
    </row>
    <row r="61" spans="1:17" ht="15.75" customHeight="1" x14ac:dyDescent="0.2">
      <c r="A61" s="45" t="s">
        <v>70</v>
      </c>
      <c r="B61" s="46"/>
      <c r="C61" s="22">
        <v>26762</v>
      </c>
      <c r="D61" s="23">
        <v>27806</v>
      </c>
      <c r="E61" s="24">
        <v>54568</v>
      </c>
      <c r="F61" s="22">
        <v>14481</v>
      </c>
      <c r="G61" s="23">
        <v>14483</v>
      </c>
      <c r="H61" s="24">
        <v>28964</v>
      </c>
      <c r="I61" s="22">
        <v>12281</v>
      </c>
      <c r="J61" s="23">
        <v>13323</v>
      </c>
      <c r="K61" s="24">
        <v>25604</v>
      </c>
      <c r="L61" s="25">
        <v>54.11</v>
      </c>
      <c r="M61" s="26">
        <v>52.09</v>
      </c>
      <c r="N61" s="27">
        <v>53.08</v>
      </c>
      <c r="O61" s="8">
        <v>-2.6499999999999986</v>
      </c>
      <c r="P61" s="9">
        <v>-4.5</v>
      </c>
      <c r="Q61" s="10">
        <v>-3.6000000000000014</v>
      </c>
    </row>
    <row r="62" spans="1:17" ht="15.75" customHeight="1" x14ac:dyDescent="0.2">
      <c r="A62" s="6"/>
      <c r="B62" s="7" t="s">
        <v>71</v>
      </c>
      <c r="C62" s="22">
        <v>3744</v>
      </c>
      <c r="D62" s="23">
        <v>3743</v>
      </c>
      <c r="E62" s="24">
        <v>7487</v>
      </c>
      <c r="F62" s="22">
        <v>1964</v>
      </c>
      <c r="G62" s="23">
        <v>1876</v>
      </c>
      <c r="H62" s="24">
        <v>3840</v>
      </c>
      <c r="I62" s="22">
        <v>1780</v>
      </c>
      <c r="J62" s="23">
        <v>1867</v>
      </c>
      <c r="K62" s="24">
        <v>3647</v>
      </c>
      <c r="L62" s="25">
        <v>52.46</v>
      </c>
      <c r="M62" s="26">
        <v>50.12</v>
      </c>
      <c r="N62" s="27">
        <v>51.29</v>
      </c>
      <c r="O62" s="8">
        <v>-4.1199999999999974</v>
      </c>
      <c r="P62" s="9">
        <v>-6.1400000000000006</v>
      </c>
      <c r="Q62" s="10">
        <v>-5.1300000000000026</v>
      </c>
    </row>
    <row r="63" spans="1:17" ht="15.75" customHeight="1" x14ac:dyDescent="0.2">
      <c r="A63" s="6"/>
      <c r="B63" s="7" t="s">
        <v>72</v>
      </c>
      <c r="C63" s="22">
        <v>7244</v>
      </c>
      <c r="D63" s="23">
        <v>7480</v>
      </c>
      <c r="E63" s="24">
        <v>14724</v>
      </c>
      <c r="F63" s="22">
        <v>3584</v>
      </c>
      <c r="G63" s="23">
        <v>3559</v>
      </c>
      <c r="H63" s="24">
        <v>7143</v>
      </c>
      <c r="I63" s="22">
        <v>3660</v>
      </c>
      <c r="J63" s="23">
        <v>3921</v>
      </c>
      <c r="K63" s="24">
        <v>7581</v>
      </c>
      <c r="L63" s="25">
        <v>49.48</v>
      </c>
      <c r="M63" s="26">
        <v>47.58</v>
      </c>
      <c r="N63" s="27">
        <v>48.51</v>
      </c>
      <c r="O63" s="8">
        <v>-1.0900000000000034</v>
      </c>
      <c r="P63" s="9">
        <v>-2.740000000000002</v>
      </c>
      <c r="Q63" s="10">
        <v>-1.9299999999999997</v>
      </c>
    </row>
    <row r="64" spans="1:17" ht="15.75" customHeight="1" x14ac:dyDescent="0.2">
      <c r="A64" s="6"/>
      <c r="B64" s="7" t="s">
        <v>73</v>
      </c>
      <c r="C64" s="22">
        <v>4445</v>
      </c>
      <c r="D64" s="23">
        <v>4594</v>
      </c>
      <c r="E64" s="24">
        <v>9039</v>
      </c>
      <c r="F64" s="22">
        <v>2446</v>
      </c>
      <c r="G64" s="23">
        <v>2318</v>
      </c>
      <c r="H64" s="24">
        <v>4764</v>
      </c>
      <c r="I64" s="22">
        <v>1999</v>
      </c>
      <c r="J64" s="23">
        <v>2276</v>
      </c>
      <c r="K64" s="24">
        <v>4275</v>
      </c>
      <c r="L64" s="25">
        <v>55.03</v>
      </c>
      <c r="M64" s="26">
        <v>50.46</v>
      </c>
      <c r="N64" s="27">
        <v>52.7</v>
      </c>
      <c r="O64" s="8">
        <v>-3.7999999999999972</v>
      </c>
      <c r="P64" s="9">
        <v>-6.4499999999999957</v>
      </c>
      <c r="Q64" s="10">
        <v>-5.1499999999999986</v>
      </c>
    </row>
    <row r="65" spans="1:17" ht="15.75" customHeight="1" x14ac:dyDescent="0.2">
      <c r="A65" s="6"/>
      <c r="B65" s="7" t="s">
        <v>74</v>
      </c>
      <c r="C65" s="22">
        <v>3964</v>
      </c>
      <c r="D65" s="23">
        <v>4137</v>
      </c>
      <c r="E65" s="24">
        <v>8101</v>
      </c>
      <c r="F65" s="22">
        <v>2307</v>
      </c>
      <c r="G65" s="23">
        <v>2313</v>
      </c>
      <c r="H65" s="24">
        <v>4620</v>
      </c>
      <c r="I65" s="22">
        <v>1657</v>
      </c>
      <c r="J65" s="23">
        <v>1824</v>
      </c>
      <c r="K65" s="24">
        <v>3481</v>
      </c>
      <c r="L65" s="25">
        <v>58.2</v>
      </c>
      <c r="M65" s="26">
        <v>55.91</v>
      </c>
      <c r="N65" s="27">
        <v>57.03</v>
      </c>
      <c r="O65" s="8">
        <v>-4.9399999999999977</v>
      </c>
      <c r="P65" s="9">
        <v>-7.0800000000000054</v>
      </c>
      <c r="Q65" s="10">
        <v>-6.0300000000000011</v>
      </c>
    </row>
    <row r="66" spans="1:17" ht="15.75" customHeight="1" x14ac:dyDescent="0.2">
      <c r="A66" s="6"/>
      <c r="B66" s="7" t="s">
        <v>75</v>
      </c>
      <c r="C66" s="22">
        <v>7365</v>
      </c>
      <c r="D66" s="23">
        <v>7852</v>
      </c>
      <c r="E66" s="24">
        <v>15217</v>
      </c>
      <c r="F66" s="22">
        <v>4180</v>
      </c>
      <c r="G66" s="23">
        <v>4417</v>
      </c>
      <c r="H66" s="24">
        <v>8597</v>
      </c>
      <c r="I66" s="22">
        <v>3185</v>
      </c>
      <c r="J66" s="23">
        <v>3435</v>
      </c>
      <c r="K66" s="24">
        <v>6620</v>
      </c>
      <c r="L66" s="25">
        <v>56.75</v>
      </c>
      <c r="M66" s="26">
        <v>56.25</v>
      </c>
      <c r="N66" s="27">
        <v>56.5</v>
      </c>
      <c r="O66" s="8">
        <v>-1.4799999999999969</v>
      </c>
      <c r="P66" s="9">
        <v>-2.8599999999999994</v>
      </c>
      <c r="Q66" s="10">
        <v>-2.1899999999999977</v>
      </c>
    </row>
    <row r="67" spans="1:17" ht="15.75" customHeight="1" x14ac:dyDescent="0.2">
      <c r="A67" s="45" t="s">
        <v>76</v>
      </c>
      <c r="B67" s="46"/>
      <c r="C67" s="22">
        <v>16414</v>
      </c>
      <c r="D67" s="23">
        <v>18380</v>
      </c>
      <c r="E67" s="24">
        <v>34794</v>
      </c>
      <c r="F67" s="22">
        <v>8121</v>
      </c>
      <c r="G67" s="23">
        <v>8660</v>
      </c>
      <c r="H67" s="24">
        <v>16781</v>
      </c>
      <c r="I67" s="22">
        <v>8293</v>
      </c>
      <c r="J67" s="23">
        <v>9720</v>
      </c>
      <c r="K67" s="24">
        <v>18013</v>
      </c>
      <c r="L67" s="25">
        <v>49.48</v>
      </c>
      <c r="M67" s="26">
        <v>47.12</v>
      </c>
      <c r="N67" s="27">
        <v>48.23</v>
      </c>
      <c r="O67" s="8">
        <v>-4.5500000000000043</v>
      </c>
      <c r="P67" s="9">
        <v>-6.0399999999999991</v>
      </c>
      <c r="Q67" s="10">
        <v>-5.3400000000000034</v>
      </c>
    </row>
    <row r="68" spans="1:17" ht="15.75" customHeight="1" x14ac:dyDescent="0.2">
      <c r="A68" s="6"/>
      <c r="B68" s="7" t="s">
        <v>77</v>
      </c>
      <c r="C68" s="22">
        <v>4235</v>
      </c>
      <c r="D68" s="23">
        <v>4469</v>
      </c>
      <c r="E68" s="24">
        <v>8704</v>
      </c>
      <c r="F68" s="22">
        <v>1904</v>
      </c>
      <c r="G68" s="23">
        <v>1936</v>
      </c>
      <c r="H68" s="24">
        <v>3840</v>
      </c>
      <c r="I68" s="22">
        <v>2331</v>
      </c>
      <c r="J68" s="23">
        <v>2533</v>
      </c>
      <c r="K68" s="24">
        <v>4864</v>
      </c>
      <c r="L68" s="25">
        <v>44.96</v>
      </c>
      <c r="M68" s="26">
        <v>43.32</v>
      </c>
      <c r="N68" s="27">
        <v>44.12</v>
      </c>
      <c r="O68" s="8">
        <v>-5.519999999999996</v>
      </c>
      <c r="P68" s="9">
        <v>-7.6499999999999986</v>
      </c>
      <c r="Q68" s="10">
        <v>-6.6099999999999994</v>
      </c>
    </row>
    <row r="69" spans="1:17" ht="15.75" customHeight="1" x14ac:dyDescent="0.2">
      <c r="A69" s="6"/>
      <c r="B69" s="7" t="s">
        <v>78</v>
      </c>
      <c r="C69" s="22">
        <v>2698</v>
      </c>
      <c r="D69" s="23">
        <v>3106</v>
      </c>
      <c r="E69" s="24">
        <v>5804</v>
      </c>
      <c r="F69" s="22">
        <v>1430</v>
      </c>
      <c r="G69" s="23">
        <v>1567</v>
      </c>
      <c r="H69" s="24">
        <v>2997</v>
      </c>
      <c r="I69" s="22">
        <v>1268</v>
      </c>
      <c r="J69" s="23">
        <v>1539</v>
      </c>
      <c r="K69" s="24">
        <v>2807</v>
      </c>
      <c r="L69" s="25">
        <v>53</v>
      </c>
      <c r="M69" s="26">
        <v>50.45</v>
      </c>
      <c r="N69" s="27">
        <v>51.64</v>
      </c>
      <c r="O69" s="8">
        <v>-7</v>
      </c>
      <c r="P69" s="9">
        <v>-9.5</v>
      </c>
      <c r="Q69" s="10">
        <v>-8.3299999999999983</v>
      </c>
    </row>
    <row r="70" spans="1:17" ht="15.75" customHeight="1" x14ac:dyDescent="0.2">
      <c r="A70" s="6"/>
      <c r="B70" s="7" t="s">
        <v>79</v>
      </c>
      <c r="C70" s="22">
        <v>9481</v>
      </c>
      <c r="D70" s="23">
        <v>10805</v>
      </c>
      <c r="E70" s="24">
        <v>20286</v>
      </c>
      <c r="F70" s="22">
        <v>4787</v>
      </c>
      <c r="G70" s="23">
        <v>5157</v>
      </c>
      <c r="H70" s="24">
        <v>9944</v>
      </c>
      <c r="I70" s="22">
        <v>4694</v>
      </c>
      <c r="J70" s="23">
        <v>5648</v>
      </c>
      <c r="K70" s="24">
        <v>10342</v>
      </c>
      <c r="L70" s="25">
        <v>50.49</v>
      </c>
      <c r="M70" s="26">
        <v>47.73</v>
      </c>
      <c r="N70" s="27">
        <v>49.02</v>
      </c>
      <c r="O70" s="8">
        <v>-3.4399999999999977</v>
      </c>
      <c r="P70" s="9">
        <v>-4.3700000000000045</v>
      </c>
      <c r="Q70" s="10">
        <v>-3.9299999999999997</v>
      </c>
    </row>
    <row r="71" spans="1:17" ht="15.75" customHeight="1" x14ac:dyDescent="0.2">
      <c r="A71" s="45" t="s">
        <v>80</v>
      </c>
      <c r="B71" s="46"/>
      <c r="C71" s="22">
        <v>17456</v>
      </c>
      <c r="D71" s="23">
        <v>16133</v>
      </c>
      <c r="E71" s="24">
        <v>33589</v>
      </c>
      <c r="F71" s="22">
        <v>8018</v>
      </c>
      <c r="G71" s="23">
        <v>7421</v>
      </c>
      <c r="H71" s="24">
        <v>15439</v>
      </c>
      <c r="I71" s="22">
        <v>9438</v>
      </c>
      <c r="J71" s="23">
        <v>8712</v>
      </c>
      <c r="K71" s="24">
        <v>18150</v>
      </c>
      <c r="L71" s="25">
        <v>45.93</v>
      </c>
      <c r="M71" s="26">
        <v>46</v>
      </c>
      <c r="N71" s="27">
        <v>45.96</v>
      </c>
      <c r="O71" s="8">
        <v>-2.25</v>
      </c>
      <c r="P71" s="9">
        <v>-3.2999999999999972</v>
      </c>
      <c r="Q71" s="10">
        <v>-2.759999999999998</v>
      </c>
    </row>
    <row r="72" spans="1:17" ht="15.75" customHeight="1" x14ac:dyDescent="0.2">
      <c r="A72" s="6"/>
      <c r="B72" s="7" t="s">
        <v>81</v>
      </c>
      <c r="C72" s="22">
        <v>16274</v>
      </c>
      <c r="D72" s="23">
        <v>15018</v>
      </c>
      <c r="E72" s="24">
        <v>31292</v>
      </c>
      <c r="F72" s="22">
        <v>7366</v>
      </c>
      <c r="G72" s="23">
        <v>6789</v>
      </c>
      <c r="H72" s="24">
        <v>14155</v>
      </c>
      <c r="I72" s="22">
        <v>8908</v>
      </c>
      <c r="J72" s="23">
        <v>8229</v>
      </c>
      <c r="K72" s="24">
        <v>17137</v>
      </c>
      <c r="L72" s="25">
        <v>45.26</v>
      </c>
      <c r="M72" s="26">
        <v>45.21</v>
      </c>
      <c r="N72" s="27">
        <v>45.24</v>
      </c>
      <c r="O72" s="8">
        <v>-2.0700000000000003</v>
      </c>
      <c r="P72" s="9">
        <v>-3.1499999999999986</v>
      </c>
      <c r="Q72" s="10">
        <v>-2.5799999999999983</v>
      </c>
    </row>
    <row r="73" spans="1:17" ht="15.75" customHeight="1" thickBot="1" x14ac:dyDescent="0.25">
      <c r="A73" s="14"/>
      <c r="B73" s="15" t="s">
        <v>82</v>
      </c>
      <c r="C73" s="28">
        <v>1182</v>
      </c>
      <c r="D73" s="29">
        <v>1115</v>
      </c>
      <c r="E73" s="30">
        <v>2297</v>
      </c>
      <c r="F73" s="28">
        <v>652</v>
      </c>
      <c r="G73" s="29">
        <v>632</v>
      </c>
      <c r="H73" s="30">
        <v>1284</v>
      </c>
      <c r="I73" s="28">
        <v>530</v>
      </c>
      <c r="J73" s="29">
        <v>483</v>
      </c>
      <c r="K73" s="30">
        <v>1013</v>
      </c>
      <c r="L73" s="31">
        <v>55.16</v>
      </c>
      <c r="M73" s="32">
        <v>56.68</v>
      </c>
      <c r="N73" s="33">
        <v>55.9</v>
      </c>
      <c r="O73" s="16">
        <v>-4.6600000000000037</v>
      </c>
      <c r="P73" s="17">
        <v>-5.0900000000000034</v>
      </c>
      <c r="Q73" s="18">
        <v>-4.8700000000000045</v>
      </c>
    </row>
    <row r="74" spans="1:17" ht="15.75" customHeight="1" thickTop="1" x14ac:dyDescent="0.2">
      <c r="A74" s="45" t="s">
        <v>83</v>
      </c>
      <c r="B74" s="46"/>
      <c r="C74" s="22">
        <v>2483894</v>
      </c>
      <c r="D74" s="23">
        <v>2529690</v>
      </c>
      <c r="E74" s="24">
        <v>5013584</v>
      </c>
      <c r="F74" s="22">
        <v>1373705</v>
      </c>
      <c r="G74" s="23">
        <v>1355467</v>
      </c>
      <c r="H74" s="24">
        <v>2729172</v>
      </c>
      <c r="I74" s="22">
        <v>1110189</v>
      </c>
      <c r="J74" s="23">
        <v>1174223</v>
      </c>
      <c r="K74" s="24">
        <v>2284412</v>
      </c>
      <c r="L74" s="25">
        <v>55.3</v>
      </c>
      <c r="M74" s="26">
        <v>53.58</v>
      </c>
      <c r="N74" s="27">
        <v>54.44</v>
      </c>
      <c r="O74" s="8">
        <v>3.9999999999999147E-2</v>
      </c>
      <c r="P74" s="9">
        <v>-1.3400000000000034</v>
      </c>
      <c r="Q74" s="10">
        <v>-0.65000000000000568</v>
      </c>
    </row>
    <row r="75" spans="1:17" ht="15.75" customHeight="1" x14ac:dyDescent="0.2">
      <c r="A75" s="45" t="s">
        <v>84</v>
      </c>
      <c r="B75" s="46"/>
      <c r="C75" s="22">
        <v>1201784</v>
      </c>
      <c r="D75" s="23">
        <v>1240231</v>
      </c>
      <c r="E75" s="24">
        <v>2442015</v>
      </c>
      <c r="F75" s="22">
        <v>648084</v>
      </c>
      <c r="G75" s="23">
        <v>645434</v>
      </c>
      <c r="H75" s="24">
        <v>1293518</v>
      </c>
      <c r="I75" s="22">
        <v>553700</v>
      </c>
      <c r="J75" s="23">
        <v>594797</v>
      </c>
      <c r="K75" s="24">
        <v>1148497</v>
      </c>
      <c r="L75" s="25">
        <v>53.93</v>
      </c>
      <c r="M75" s="26">
        <v>52.04</v>
      </c>
      <c r="N75" s="27">
        <v>52.97</v>
      </c>
      <c r="O75" s="8">
        <v>0.64000000000000057</v>
      </c>
      <c r="P75" s="9">
        <v>-0.71999999999999886</v>
      </c>
      <c r="Q75" s="10">
        <v>-5.0000000000004263E-2</v>
      </c>
    </row>
    <row r="76" spans="1:17" ht="15.75" customHeight="1" x14ac:dyDescent="0.2">
      <c r="A76" s="45" t="s">
        <v>85</v>
      </c>
      <c r="B76" s="46"/>
      <c r="C76" s="22">
        <v>117632</v>
      </c>
      <c r="D76" s="23">
        <v>123170</v>
      </c>
      <c r="E76" s="24">
        <v>240802</v>
      </c>
      <c r="F76" s="22">
        <v>61208</v>
      </c>
      <c r="G76" s="23">
        <v>61721</v>
      </c>
      <c r="H76" s="24">
        <v>122929</v>
      </c>
      <c r="I76" s="22">
        <v>56424</v>
      </c>
      <c r="J76" s="23">
        <v>61449</v>
      </c>
      <c r="K76" s="24">
        <v>117873</v>
      </c>
      <c r="L76" s="25">
        <v>52.03</v>
      </c>
      <c r="M76" s="26">
        <v>50.11</v>
      </c>
      <c r="N76" s="27">
        <v>51.05</v>
      </c>
      <c r="O76" s="8">
        <v>-2.0499999999999972</v>
      </c>
      <c r="P76" s="9">
        <v>-3.5600000000000023</v>
      </c>
      <c r="Q76" s="10">
        <v>-2.8200000000000003</v>
      </c>
    </row>
    <row r="77" spans="1:17" ht="15.75" customHeight="1" thickBot="1" x14ac:dyDescent="0.25">
      <c r="A77" s="43" t="s">
        <v>86</v>
      </c>
      <c r="B77" s="44"/>
      <c r="C77" s="34">
        <v>3803310</v>
      </c>
      <c r="D77" s="35">
        <v>3893091</v>
      </c>
      <c r="E77" s="36">
        <v>7696401</v>
      </c>
      <c r="F77" s="34">
        <v>2082997</v>
      </c>
      <c r="G77" s="35">
        <v>2062622</v>
      </c>
      <c r="H77" s="36">
        <v>4145619</v>
      </c>
      <c r="I77" s="34">
        <v>1720313</v>
      </c>
      <c r="J77" s="35">
        <v>1830469</v>
      </c>
      <c r="K77" s="36">
        <v>3550782</v>
      </c>
      <c r="L77" s="37">
        <v>54.77</v>
      </c>
      <c r="M77" s="38">
        <v>52.98</v>
      </c>
      <c r="N77" s="39">
        <v>53.86</v>
      </c>
      <c r="O77" s="19">
        <v>0.17000000000000171</v>
      </c>
      <c r="P77" s="20">
        <v>-1.2100000000000009</v>
      </c>
      <c r="Q77" s="21">
        <v>-0.53000000000000114</v>
      </c>
    </row>
    <row r="79" spans="1:17" ht="15" customHeight="1" x14ac:dyDescent="0.2">
      <c r="L79" s="4"/>
      <c r="M79" s="4"/>
      <c r="N79" s="4"/>
      <c r="O79" s="4"/>
      <c r="P79" s="4"/>
      <c r="Q79" s="4"/>
    </row>
    <row r="80" spans="1:17" ht="1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</row>
  </sheetData>
  <mergeCells count="38">
    <mergeCell ref="A4:B4"/>
    <mergeCell ref="E2:K2"/>
    <mergeCell ref="G3:I3"/>
    <mergeCell ref="A5:B6"/>
    <mergeCell ref="C5:E5"/>
    <mergeCell ref="F5:H5"/>
    <mergeCell ref="I5:K5"/>
    <mergeCell ref="L5:N5"/>
    <mergeCell ref="O5:Q5"/>
    <mergeCell ref="A7:B7"/>
    <mergeCell ref="A26:B26"/>
    <mergeCell ref="A34:B34"/>
    <mergeCell ref="A38:B38"/>
    <mergeCell ref="A39:B39"/>
    <mergeCell ref="A40:B40"/>
    <mergeCell ref="A41:B41"/>
    <mergeCell ref="A42:B42"/>
    <mergeCell ref="A52:B52"/>
    <mergeCell ref="A43:B43"/>
    <mergeCell ref="A44:B44"/>
    <mergeCell ref="A45:B45"/>
    <mergeCell ref="A46:B46"/>
    <mergeCell ref="A47:B47"/>
    <mergeCell ref="A77:B77"/>
    <mergeCell ref="A67:B67"/>
    <mergeCell ref="A71:B71"/>
    <mergeCell ref="A74:B74"/>
    <mergeCell ref="A75:B75"/>
    <mergeCell ref="A76:B76"/>
    <mergeCell ref="A53:B53"/>
    <mergeCell ref="A54:B54"/>
    <mergeCell ref="A56:B56"/>
    <mergeCell ref="A58:B58"/>
    <mergeCell ref="A61:B61"/>
    <mergeCell ref="A48:B48"/>
    <mergeCell ref="A49:B49"/>
    <mergeCell ref="A50:B50"/>
    <mergeCell ref="A51:B51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scale="85" fitToHeight="0" orientation="landscape" r:id="rId1"/>
  <headerFooter alignWithMargins="0">
    <oddFooter xml:space="preserve">&amp;C&amp;"IPAmj明朝,標準"&amp;9
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Q77"/>
  <sheetViews>
    <sheetView view="pageBreakPreview" topLeftCell="C62" zoomScaleNormal="100" zoomScaleSheetLayoutView="100" workbookViewId="0">
      <selection activeCell="V14" sqref="V14"/>
    </sheetView>
  </sheetViews>
  <sheetFormatPr defaultColWidth="9" defaultRowHeight="14.4" x14ac:dyDescent="0.2"/>
  <cols>
    <col min="1" max="1" width="2.6640625" style="4" customWidth="1"/>
    <col min="2" max="2" width="18.6640625" style="4" customWidth="1"/>
    <col min="3" max="11" width="11.33203125" style="4" customWidth="1"/>
    <col min="12" max="17" width="7.21875" style="4" customWidth="1"/>
    <col min="18" max="18" width="9" style="4" customWidth="1"/>
    <col min="19" max="16384" width="9" style="4"/>
  </cols>
  <sheetData>
    <row r="1" spans="1:17" ht="15" hidden="1" customHeight="1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2"/>
      <c r="P1" s="2"/>
      <c r="Q1" s="3"/>
    </row>
    <row r="2" spans="1:17" ht="18.75" customHeight="1" x14ac:dyDescent="0.2">
      <c r="A2" s="5" t="s">
        <v>14</v>
      </c>
      <c r="B2" s="5"/>
      <c r="C2" s="1"/>
      <c r="D2" s="1"/>
      <c r="E2" s="48" t="s">
        <v>13</v>
      </c>
      <c r="F2" s="48"/>
      <c r="G2" s="48"/>
      <c r="H2" s="48"/>
      <c r="I2" s="48"/>
      <c r="J2" s="48"/>
      <c r="K2" s="48"/>
      <c r="L2" s="1"/>
      <c r="M2" s="1"/>
      <c r="N2" s="1"/>
      <c r="O2" s="1"/>
      <c r="P2" s="1"/>
      <c r="Q2" s="1"/>
    </row>
    <row r="3" spans="1:17" ht="15" customHeight="1" x14ac:dyDescent="0.2">
      <c r="A3" s="1"/>
      <c r="B3" s="1" t="s">
        <v>15</v>
      </c>
      <c r="C3" s="1"/>
      <c r="D3" s="1"/>
      <c r="E3" s="1"/>
      <c r="F3" s="1"/>
      <c r="G3" s="49" t="s">
        <v>10</v>
      </c>
      <c r="H3" s="49"/>
      <c r="I3" s="49"/>
      <c r="J3" s="1"/>
      <c r="K3" s="1"/>
      <c r="L3" s="1"/>
      <c r="M3" s="1"/>
      <c r="N3" s="1"/>
      <c r="O3" s="1"/>
      <c r="P3" s="1"/>
      <c r="Q3" s="3"/>
    </row>
    <row r="4" spans="1:17" ht="15" customHeight="1" thickBot="1" x14ac:dyDescent="0.25">
      <c r="A4" s="47" t="s">
        <v>12</v>
      </c>
      <c r="B4" s="47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3"/>
    </row>
    <row r="5" spans="1:17" ht="15.75" customHeight="1" x14ac:dyDescent="0.2">
      <c r="A5" s="50" t="s">
        <v>1</v>
      </c>
      <c r="B5" s="51"/>
      <c r="C5" s="40" t="s">
        <v>2</v>
      </c>
      <c r="D5" s="41"/>
      <c r="E5" s="42"/>
      <c r="F5" s="40" t="s">
        <v>3</v>
      </c>
      <c r="G5" s="41"/>
      <c r="H5" s="42"/>
      <c r="I5" s="40" t="s">
        <v>4</v>
      </c>
      <c r="J5" s="41"/>
      <c r="K5" s="42"/>
      <c r="L5" s="40" t="s">
        <v>5</v>
      </c>
      <c r="M5" s="41"/>
      <c r="N5" s="42"/>
      <c r="O5" s="40" t="s">
        <v>6</v>
      </c>
      <c r="P5" s="41"/>
      <c r="Q5" s="42"/>
    </row>
    <row r="6" spans="1:17" ht="15.75" customHeight="1" thickBot="1" x14ac:dyDescent="0.25">
      <c r="A6" s="52"/>
      <c r="B6" s="53"/>
      <c r="C6" s="11" t="s">
        <v>7</v>
      </c>
      <c r="D6" s="12" t="s">
        <v>8</v>
      </c>
      <c r="E6" s="13" t="s">
        <v>9</v>
      </c>
      <c r="F6" s="11" t="s">
        <v>7</v>
      </c>
      <c r="G6" s="12" t="s">
        <v>8</v>
      </c>
      <c r="H6" s="13" t="s">
        <v>9</v>
      </c>
      <c r="I6" s="11" t="s">
        <v>7</v>
      </c>
      <c r="J6" s="12" t="s">
        <v>8</v>
      </c>
      <c r="K6" s="13" t="s">
        <v>9</v>
      </c>
      <c r="L6" s="11" t="s">
        <v>7</v>
      </c>
      <c r="M6" s="12" t="s">
        <v>8</v>
      </c>
      <c r="N6" s="13" t="s">
        <v>9</v>
      </c>
      <c r="O6" s="11" t="s">
        <v>7</v>
      </c>
      <c r="P6" s="12" t="s">
        <v>8</v>
      </c>
      <c r="Q6" s="13" t="s">
        <v>9</v>
      </c>
    </row>
    <row r="7" spans="1:17" s="1" customFormat="1" ht="15.75" customHeight="1" thickTop="1" x14ac:dyDescent="0.2">
      <c r="A7" s="45" t="s">
        <v>16</v>
      </c>
      <c r="B7" s="46"/>
      <c r="C7" s="22">
        <v>1538109</v>
      </c>
      <c r="D7" s="23">
        <v>1590847</v>
      </c>
      <c r="E7" s="24">
        <v>3128956</v>
      </c>
      <c r="F7" s="22">
        <v>853709</v>
      </c>
      <c r="G7" s="23">
        <v>853454</v>
      </c>
      <c r="H7" s="24">
        <v>1707163</v>
      </c>
      <c r="I7" s="22">
        <v>684400</v>
      </c>
      <c r="J7" s="23">
        <v>737393</v>
      </c>
      <c r="K7" s="24">
        <v>1421793</v>
      </c>
      <c r="L7" s="25">
        <v>55.5</v>
      </c>
      <c r="M7" s="26">
        <v>53.65</v>
      </c>
      <c r="N7" s="27">
        <v>54.56</v>
      </c>
      <c r="O7" s="8">
        <v>-0.14999999999999858</v>
      </c>
      <c r="P7" s="9">
        <v>-1.3299999999999983</v>
      </c>
      <c r="Q7" s="10">
        <v>-0.75</v>
      </c>
    </row>
    <row r="8" spans="1:17" ht="15.75" customHeight="1" x14ac:dyDescent="0.2">
      <c r="A8" s="6"/>
      <c r="B8" s="7" t="s">
        <v>17</v>
      </c>
      <c r="C8" s="22">
        <v>124349</v>
      </c>
      <c r="D8" s="23">
        <v>116372</v>
      </c>
      <c r="E8" s="24">
        <v>240721</v>
      </c>
      <c r="F8" s="22">
        <v>65369</v>
      </c>
      <c r="G8" s="23">
        <v>60649</v>
      </c>
      <c r="H8" s="24">
        <v>126018</v>
      </c>
      <c r="I8" s="22">
        <v>58980</v>
      </c>
      <c r="J8" s="23">
        <v>55723</v>
      </c>
      <c r="K8" s="24">
        <v>114703</v>
      </c>
      <c r="L8" s="25">
        <v>52.57</v>
      </c>
      <c r="M8" s="26">
        <v>52.12</v>
      </c>
      <c r="N8" s="27">
        <v>52.35</v>
      </c>
      <c r="O8" s="8">
        <v>1.4299999999999997</v>
      </c>
      <c r="P8" s="9">
        <v>-1.0000000000005116E-2</v>
      </c>
      <c r="Q8" s="10">
        <v>0.73000000000000398</v>
      </c>
    </row>
    <row r="9" spans="1:17" ht="15.75" customHeight="1" x14ac:dyDescent="0.2">
      <c r="A9" s="6"/>
      <c r="B9" s="7" t="s">
        <v>18</v>
      </c>
      <c r="C9" s="22">
        <v>104110</v>
      </c>
      <c r="D9" s="23">
        <v>102894</v>
      </c>
      <c r="E9" s="24">
        <v>207004</v>
      </c>
      <c r="F9" s="22">
        <v>56906</v>
      </c>
      <c r="G9" s="23">
        <v>54122</v>
      </c>
      <c r="H9" s="24">
        <v>111028</v>
      </c>
      <c r="I9" s="22">
        <v>47204</v>
      </c>
      <c r="J9" s="23">
        <v>48772</v>
      </c>
      <c r="K9" s="24">
        <v>95976</v>
      </c>
      <c r="L9" s="25">
        <v>54.66</v>
      </c>
      <c r="M9" s="26">
        <v>52.6</v>
      </c>
      <c r="N9" s="27">
        <v>53.64</v>
      </c>
      <c r="O9" s="8">
        <v>1.3199999999999932</v>
      </c>
      <c r="P9" s="9">
        <v>-0.61999999999999744</v>
      </c>
      <c r="Q9" s="10">
        <v>0.35999999999999943</v>
      </c>
    </row>
    <row r="10" spans="1:17" ht="15.75" customHeight="1" x14ac:dyDescent="0.2">
      <c r="A10" s="6"/>
      <c r="B10" s="7" t="s">
        <v>19</v>
      </c>
      <c r="C10" s="22">
        <v>44058</v>
      </c>
      <c r="D10" s="23">
        <v>44128</v>
      </c>
      <c r="E10" s="24">
        <v>88186</v>
      </c>
      <c r="F10" s="22">
        <v>25055</v>
      </c>
      <c r="G10" s="23">
        <v>24197</v>
      </c>
      <c r="H10" s="24">
        <v>49252</v>
      </c>
      <c r="I10" s="22">
        <v>19003</v>
      </c>
      <c r="J10" s="23">
        <v>19931</v>
      </c>
      <c r="K10" s="24">
        <v>38934</v>
      </c>
      <c r="L10" s="25">
        <v>56.87</v>
      </c>
      <c r="M10" s="26">
        <v>54.83</v>
      </c>
      <c r="N10" s="27">
        <v>55.85</v>
      </c>
      <c r="O10" s="8">
        <v>1.9699999999999989</v>
      </c>
      <c r="P10" s="9">
        <v>-0.17999999999999972</v>
      </c>
      <c r="Q10" s="10">
        <v>0.89000000000000057</v>
      </c>
    </row>
    <row r="11" spans="1:17" ht="15.75" customHeight="1" x14ac:dyDescent="0.2">
      <c r="A11" s="6"/>
      <c r="B11" s="7" t="s">
        <v>20</v>
      </c>
      <c r="C11" s="22">
        <v>63091</v>
      </c>
      <c r="D11" s="23">
        <v>58454</v>
      </c>
      <c r="E11" s="24">
        <v>121545</v>
      </c>
      <c r="F11" s="22">
        <v>32583</v>
      </c>
      <c r="G11" s="23">
        <v>30966</v>
      </c>
      <c r="H11" s="24">
        <v>63549</v>
      </c>
      <c r="I11" s="22">
        <v>30508</v>
      </c>
      <c r="J11" s="23">
        <v>27488</v>
      </c>
      <c r="K11" s="24">
        <v>57996</v>
      </c>
      <c r="L11" s="25">
        <v>51.64</v>
      </c>
      <c r="M11" s="26">
        <v>52.97</v>
      </c>
      <c r="N11" s="27">
        <v>52.28</v>
      </c>
      <c r="O11" s="8">
        <v>1.2000000000000028</v>
      </c>
      <c r="P11" s="9">
        <v>0.36999999999999744</v>
      </c>
      <c r="Q11" s="10">
        <v>0.81000000000000227</v>
      </c>
    </row>
    <row r="12" spans="1:17" ht="15.75" customHeight="1" x14ac:dyDescent="0.2">
      <c r="A12" s="6"/>
      <c r="B12" s="7" t="s">
        <v>21</v>
      </c>
      <c r="C12" s="22">
        <v>82814</v>
      </c>
      <c r="D12" s="23">
        <v>83241</v>
      </c>
      <c r="E12" s="24">
        <v>166055</v>
      </c>
      <c r="F12" s="22">
        <v>42060</v>
      </c>
      <c r="G12" s="23">
        <v>41015</v>
      </c>
      <c r="H12" s="24">
        <v>83075</v>
      </c>
      <c r="I12" s="22">
        <v>40754</v>
      </c>
      <c r="J12" s="23">
        <v>42226</v>
      </c>
      <c r="K12" s="24">
        <v>82980</v>
      </c>
      <c r="L12" s="25">
        <v>50.79</v>
      </c>
      <c r="M12" s="26">
        <v>49.27</v>
      </c>
      <c r="N12" s="27">
        <v>50.03</v>
      </c>
      <c r="O12" s="8">
        <v>-9.9999999999980105E-3</v>
      </c>
      <c r="P12" s="9">
        <v>-2.3999999999999986</v>
      </c>
      <c r="Q12" s="10">
        <v>-1.2100000000000009</v>
      </c>
    </row>
    <row r="13" spans="1:17" ht="15.75" customHeight="1" x14ac:dyDescent="0.2">
      <c r="A13" s="6"/>
      <c r="B13" s="7" t="s">
        <v>22</v>
      </c>
      <c r="C13" s="22">
        <v>83897</v>
      </c>
      <c r="D13" s="23">
        <v>86908</v>
      </c>
      <c r="E13" s="24">
        <v>170805</v>
      </c>
      <c r="F13" s="22">
        <v>44933</v>
      </c>
      <c r="G13" s="23">
        <v>44915</v>
      </c>
      <c r="H13" s="24">
        <v>89848</v>
      </c>
      <c r="I13" s="22">
        <v>38964</v>
      </c>
      <c r="J13" s="23">
        <v>41993</v>
      </c>
      <c r="K13" s="24">
        <v>80957</v>
      </c>
      <c r="L13" s="25">
        <v>53.56</v>
      </c>
      <c r="M13" s="26">
        <v>51.68</v>
      </c>
      <c r="N13" s="27">
        <v>52.6</v>
      </c>
      <c r="O13" s="8">
        <v>-1.2800000000000011</v>
      </c>
      <c r="P13" s="9">
        <v>-2.4799999999999969</v>
      </c>
      <c r="Q13" s="10">
        <v>-1.8900000000000006</v>
      </c>
    </row>
    <row r="14" spans="1:17" ht="15.75" customHeight="1" x14ac:dyDescent="0.2">
      <c r="A14" s="6"/>
      <c r="B14" s="7" t="s">
        <v>23</v>
      </c>
      <c r="C14" s="22">
        <v>67057</v>
      </c>
      <c r="D14" s="23">
        <v>69960</v>
      </c>
      <c r="E14" s="24">
        <v>137017</v>
      </c>
      <c r="F14" s="22">
        <v>36144</v>
      </c>
      <c r="G14" s="23">
        <v>36348</v>
      </c>
      <c r="H14" s="24">
        <v>72492</v>
      </c>
      <c r="I14" s="22">
        <v>30913</v>
      </c>
      <c r="J14" s="23">
        <v>33612</v>
      </c>
      <c r="K14" s="24">
        <v>64525</v>
      </c>
      <c r="L14" s="25">
        <v>53.9</v>
      </c>
      <c r="M14" s="26">
        <v>51.96</v>
      </c>
      <c r="N14" s="27">
        <v>52.91</v>
      </c>
      <c r="O14" s="8">
        <v>-0.39000000000000057</v>
      </c>
      <c r="P14" s="9">
        <v>-1.4499999999999957</v>
      </c>
      <c r="Q14" s="10">
        <v>-0.93000000000000682</v>
      </c>
    </row>
    <row r="15" spans="1:17" ht="15.75" customHeight="1" x14ac:dyDescent="0.2">
      <c r="A15" s="6"/>
      <c r="B15" s="7" t="s">
        <v>24</v>
      </c>
      <c r="C15" s="22">
        <v>79240</v>
      </c>
      <c r="D15" s="23">
        <v>84209</v>
      </c>
      <c r="E15" s="24">
        <v>163449</v>
      </c>
      <c r="F15" s="22">
        <v>45325</v>
      </c>
      <c r="G15" s="23">
        <v>45789</v>
      </c>
      <c r="H15" s="24">
        <v>91114</v>
      </c>
      <c r="I15" s="22">
        <v>33915</v>
      </c>
      <c r="J15" s="23">
        <v>38420</v>
      </c>
      <c r="K15" s="24">
        <v>72335</v>
      </c>
      <c r="L15" s="25">
        <v>57.2</v>
      </c>
      <c r="M15" s="26">
        <v>54.38</v>
      </c>
      <c r="N15" s="27">
        <v>55.74</v>
      </c>
      <c r="O15" s="8">
        <v>-0.45999999999999375</v>
      </c>
      <c r="P15" s="9">
        <v>-1.9199999999999946</v>
      </c>
      <c r="Q15" s="10">
        <v>-1.2199999999999989</v>
      </c>
    </row>
    <row r="16" spans="1:17" ht="15.75" customHeight="1" x14ac:dyDescent="0.2">
      <c r="A16" s="6"/>
      <c r="B16" s="7" t="s">
        <v>25</v>
      </c>
      <c r="C16" s="22">
        <v>148059</v>
      </c>
      <c r="D16" s="23">
        <v>152258</v>
      </c>
      <c r="E16" s="24">
        <v>300317</v>
      </c>
      <c r="F16" s="22">
        <v>87046</v>
      </c>
      <c r="G16" s="23">
        <v>86714</v>
      </c>
      <c r="H16" s="24">
        <v>173760</v>
      </c>
      <c r="I16" s="22">
        <v>61013</v>
      </c>
      <c r="J16" s="23">
        <v>65544</v>
      </c>
      <c r="K16" s="24">
        <v>126557</v>
      </c>
      <c r="L16" s="25">
        <v>58.79</v>
      </c>
      <c r="M16" s="26">
        <v>56.95</v>
      </c>
      <c r="N16" s="27">
        <v>57.86</v>
      </c>
      <c r="O16" s="8">
        <v>1.0799999999999983</v>
      </c>
      <c r="P16" s="9">
        <v>0.5800000000000054</v>
      </c>
      <c r="Q16" s="10">
        <v>0.82999999999999829</v>
      </c>
    </row>
    <row r="17" spans="1:17" ht="15.75" customHeight="1" x14ac:dyDescent="0.2">
      <c r="A17" s="6"/>
      <c r="B17" s="7" t="s">
        <v>26</v>
      </c>
      <c r="C17" s="22">
        <v>114139</v>
      </c>
      <c r="D17" s="23">
        <v>120343</v>
      </c>
      <c r="E17" s="24">
        <v>234482</v>
      </c>
      <c r="F17" s="22">
        <v>62755</v>
      </c>
      <c r="G17" s="23">
        <v>64102</v>
      </c>
      <c r="H17" s="24">
        <v>126857</v>
      </c>
      <c r="I17" s="22">
        <v>51384</v>
      </c>
      <c r="J17" s="23">
        <v>56241</v>
      </c>
      <c r="K17" s="24">
        <v>107625</v>
      </c>
      <c r="L17" s="25">
        <v>54.98</v>
      </c>
      <c r="M17" s="26">
        <v>53.27</v>
      </c>
      <c r="N17" s="27">
        <v>54.1</v>
      </c>
      <c r="O17" s="8">
        <v>-2.1000000000000014</v>
      </c>
      <c r="P17" s="9">
        <v>-2.7199999999999989</v>
      </c>
      <c r="Q17" s="10">
        <v>-2.4200000000000017</v>
      </c>
    </row>
    <row r="18" spans="1:17" ht="15.75" customHeight="1" x14ac:dyDescent="0.2">
      <c r="A18" s="6"/>
      <c r="B18" s="7" t="s">
        <v>27</v>
      </c>
      <c r="C18" s="22">
        <v>86282</v>
      </c>
      <c r="D18" s="23">
        <v>93536</v>
      </c>
      <c r="E18" s="24">
        <v>179818</v>
      </c>
      <c r="F18" s="22">
        <v>48171</v>
      </c>
      <c r="G18" s="23">
        <v>49638</v>
      </c>
      <c r="H18" s="24">
        <v>97809</v>
      </c>
      <c r="I18" s="22">
        <v>38111</v>
      </c>
      <c r="J18" s="23">
        <v>43898</v>
      </c>
      <c r="K18" s="24">
        <v>82009</v>
      </c>
      <c r="L18" s="25">
        <v>55.83</v>
      </c>
      <c r="M18" s="26">
        <v>53.07</v>
      </c>
      <c r="N18" s="27">
        <v>54.39</v>
      </c>
      <c r="O18" s="8">
        <v>-1.1200000000000045</v>
      </c>
      <c r="P18" s="9">
        <v>-2.9799999999999969</v>
      </c>
      <c r="Q18" s="10">
        <v>-2.0899999999999963</v>
      </c>
    </row>
    <row r="19" spans="1:17" ht="15.75" customHeight="1" x14ac:dyDescent="0.2">
      <c r="A19" s="6"/>
      <c r="B19" s="7" t="s">
        <v>28</v>
      </c>
      <c r="C19" s="22">
        <v>98788</v>
      </c>
      <c r="D19" s="23">
        <v>105946</v>
      </c>
      <c r="E19" s="24">
        <v>204734</v>
      </c>
      <c r="F19" s="22">
        <v>52505</v>
      </c>
      <c r="G19" s="23">
        <v>54235</v>
      </c>
      <c r="H19" s="24">
        <v>106740</v>
      </c>
      <c r="I19" s="22">
        <v>46283</v>
      </c>
      <c r="J19" s="23">
        <v>51711</v>
      </c>
      <c r="K19" s="24">
        <v>97994</v>
      </c>
      <c r="L19" s="25">
        <v>53.15</v>
      </c>
      <c r="M19" s="26">
        <v>51.19</v>
      </c>
      <c r="N19" s="27">
        <v>52.14</v>
      </c>
      <c r="O19" s="8">
        <v>-1.8599999999999994</v>
      </c>
      <c r="P19" s="9">
        <v>-2.3400000000000034</v>
      </c>
      <c r="Q19" s="10">
        <v>-2.1000000000000014</v>
      </c>
    </row>
    <row r="20" spans="1:17" ht="15.75" customHeight="1" x14ac:dyDescent="0.2">
      <c r="A20" s="6"/>
      <c r="B20" s="7" t="s">
        <v>29</v>
      </c>
      <c r="C20" s="22">
        <v>73389</v>
      </c>
      <c r="D20" s="23">
        <v>76945</v>
      </c>
      <c r="E20" s="24">
        <v>150334</v>
      </c>
      <c r="F20" s="22">
        <v>40427</v>
      </c>
      <c r="G20" s="23">
        <v>40952</v>
      </c>
      <c r="H20" s="24">
        <v>81379</v>
      </c>
      <c r="I20" s="22">
        <v>32962</v>
      </c>
      <c r="J20" s="23">
        <v>35993</v>
      </c>
      <c r="K20" s="24">
        <v>68955</v>
      </c>
      <c r="L20" s="25">
        <v>55.09</v>
      </c>
      <c r="M20" s="26">
        <v>53.22</v>
      </c>
      <c r="N20" s="27">
        <v>54.13</v>
      </c>
      <c r="O20" s="8">
        <v>-1.1299999999999955</v>
      </c>
      <c r="P20" s="9">
        <v>-2.1200000000000045</v>
      </c>
      <c r="Q20" s="10">
        <v>-1.6400000000000006</v>
      </c>
    </row>
    <row r="21" spans="1:17" ht="15.75" customHeight="1" x14ac:dyDescent="0.2">
      <c r="A21" s="6"/>
      <c r="B21" s="7" t="s">
        <v>30</v>
      </c>
      <c r="C21" s="22">
        <v>49813</v>
      </c>
      <c r="D21" s="23">
        <v>52995</v>
      </c>
      <c r="E21" s="24">
        <v>102808</v>
      </c>
      <c r="F21" s="22">
        <v>25867</v>
      </c>
      <c r="G21" s="23">
        <v>26773</v>
      </c>
      <c r="H21" s="24">
        <v>52640</v>
      </c>
      <c r="I21" s="22">
        <v>23946</v>
      </c>
      <c r="J21" s="23">
        <v>26222</v>
      </c>
      <c r="K21" s="24">
        <v>50168</v>
      </c>
      <c r="L21" s="25">
        <v>51.93</v>
      </c>
      <c r="M21" s="26">
        <v>50.52</v>
      </c>
      <c r="N21" s="27">
        <v>51.2</v>
      </c>
      <c r="O21" s="8">
        <v>-1</v>
      </c>
      <c r="P21" s="9">
        <v>-1.779999999999994</v>
      </c>
      <c r="Q21" s="10">
        <v>-1.4099999999999966</v>
      </c>
    </row>
    <row r="22" spans="1:17" ht="15.75" customHeight="1" x14ac:dyDescent="0.2">
      <c r="A22" s="6"/>
      <c r="B22" s="7" t="s">
        <v>31</v>
      </c>
      <c r="C22" s="22">
        <v>49489</v>
      </c>
      <c r="D22" s="23">
        <v>53324</v>
      </c>
      <c r="E22" s="24">
        <v>102813</v>
      </c>
      <c r="F22" s="22">
        <v>28417</v>
      </c>
      <c r="G22" s="23">
        <v>29036</v>
      </c>
      <c r="H22" s="24">
        <v>57453</v>
      </c>
      <c r="I22" s="22">
        <v>21072</v>
      </c>
      <c r="J22" s="23">
        <v>24288</v>
      </c>
      <c r="K22" s="24">
        <v>45360</v>
      </c>
      <c r="L22" s="25">
        <v>57.42</v>
      </c>
      <c r="M22" s="26">
        <v>54.45</v>
      </c>
      <c r="N22" s="27">
        <v>55.88</v>
      </c>
      <c r="O22" s="8">
        <v>-1.3999999999999986</v>
      </c>
      <c r="P22" s="9">
        <v>-2.1699999999999946</v>
      </c>
      <c r="Q22" s="10">
        <v>-1.7999999999999972</v>
      </c>
    </row>
    <row r="23" spans="1:17" ht="15.75" customHeight="1" x14ac:dyDescent="0.2">
      <c r="A23" s="6"/>
      <c r="B23" s="7" t="s">
        <v>32</v>
      </c>
      <c r="C23" s="22">
        <v>61949</v>
      </c>
      <c r="D23" s="23">
        <v>65804</v>
      </c>
      <c r="E23" s="24">
        <v>127753</v>
      </c>
      <c r="F23" s="22">
        <v>34139</v>
      </c>
      <c r="G23" s="23">
        <v>33918</v>
      </c>
      <c r="H23" s="24">
        <v>68057</v>
      </c>
      <c r="I23" s="22">
        <v>27810</v>
      </c>
      <c r="J23" s="23">
        <v>31886</v>
      </c>
      <c r="K23" s="24">
        <v>59696</v>
      </c>
      <c r="L23" s="25">
        <v>55.11</v>
      </c>
      <c r="M23" s="26">
        <v>51.54</v>
      </c>
      <c r="N23" s="27">
        <v>53.27</v>
      </c>
      <c r="O23" s="8">
        <v>-1.4299999999999997</v>
      </c>
      <c r="P23" s="9">
        <v>-2.5200000000000031</v>
      </c>
      <c r="Q23" s="10">
        <v>-2</v>
      </c>
    </row>
    <row r="24" spans="1:17" ht="15.75" customHeight="1" x14ac:dyDescent="0.2">
      <c r="A24" s="6"/>
      <c r="B24" s="7" t="s">
        <v>33</v>
      </c>
      <c r="C24" s="22">
        <v>121976</v>
      </c>
      <c r="D24" s="23">
        <v>134087</v>
      </c>
      <c r="E24" s="24">
        <v>256063</v>
      </c>
      <c r="F24" s="22">
        <v>75013</v>
      </c>
      <c r="G24" s="23">
        <v>77979</v>
      </c>
      <c r="H24" s="24">
        <v>152992</v>
      </c>
      <c r="I24" s="22">
        <v>46963</v>
      </c>
      <c r="J24" s="23">
        <v>56108</v>
      </c>
      <c r="K24" s="24">
        <v>103071</v>
      </c>
      <c r="L24" s="25">
        <v>61.5</v>
      </c>
      <c r="M24" s="26">
        <v>58.16</v>
      </c>
      <c r="N24" s="27">
        <v>59.75</v>
      </c>
      <c r="O24" s="8">
        <v>0.27000000000000313</v>
      </c>
      <c r="P24" s="9">
        <v>-1.0200000000000031</v>
      </c>
      <c r="Q24" s="10">
        <v>-0.40999999999999659</v>
      </c>
    </row>
    <row r="25" spans="1:17" ht="15.75" customHeight="1" x14ac:dyDescent="0.2">
      <c r="A25" s="6"/>
      <c r="B25" s="7" t="s">
        <v>34</v>
      </c>
      <c r="C25" s="22">
        <v>85609</v>
      </c>
      <c r="D25" s="23">
        <v>89443</v>
      </c>
      <c r="E25" s="24">
        <v>175052</v>
      </c>
      <c r="F25" s="22">
        <v>50994</v>
      </c>
      <c r="G25" s="23">
        <v>52106</v>
      </c>
      <c r="H25" s="24">
        <v>103100</v>
      </c>
      <c r="I25" s="22">
        <v>34615</v>
      </c>
      <c r="J25" s="23">
        <v>37337</v>
      </c>
      <c r="K25" s="24">
        <v>71952</v>
      </c>
      <c r="L25" s="25">
        <v>59.57</v>
      </c>
      <c r="M25" s="26">
        <v>58.26</v>
      </c>
      <c r="N25" s="27">
        <v>58.9</v>
      </c>
      <c r="O25" s="8">
        <v>1.1000000000000014</v>
      </c>
      <c r="P25" s="9">
        <v>0.55999999999999517</v>
      </c>
      <c r="Q25" s="10">
        <v>0.82000000000000028</v>
      </c>
    </row>
    <row r="26" spans="1:17" ht="15.75" customHeight="1" x14ac:dyDescent="0.2">
      <c r="A26" s="45" t="s">
        <v>35</v>
      </c>
      <c r="B26" s="46"/>
      <c r="C26" s="22">
        <v>642606</v>
      </c>
      <c r="D26" s="23">
        <v>632748</v>
      </c>
      <c r="E26" s="24">
        <v>1275354</v>
      </c>
      <c r="F26" s="22">
        <v>355721</v>
      </c>
      <c r="G26" s="23">
        <v>342068</v>
      </c>
      <c r="H26" s="24">
        <v>697789</v>
      </c>
      <c r="I26" s="22">
        <v>286885</v>
      </c>
      <c r="J26" s="23">
        <v>290680</v>
      </c>
      <c r="K26" s="24">
        <v>577565</v>
      </c>
      <c r="L26" s="25">
        <v>55.36</v>
      </c>
      <c r="M26" s="26">
        <v>54.06</v>
      </c>
      <c r="N26" s="27">
        <v>54.71</v>
      </c>
      <c r="O26" s="8">
        <v>0.20000000000000284</v>
      </c>
      <c r="P26" s="9">
        <v>-1.5499999999999972</v>
      </c>
      <c r="Q26" s="10">
        <v>-0.67000000000000171</v>
      </c>
    </row>
    <row r="27" spans="1:17" ht="15.75" customHeight="1" x14ac:dyDescent="0.2">
      <c r="A27" s="6"/>
      <c r="B27" s="7" t="s">
        <v>36</v>
      </c>
      <c r="C27" s="22">
        <v>103119</v>
      </c>
      <c r="D27" s="23">
        <v>85164</v>
      </c>
      <c r="E27" s="24">
        <v>188283</v>
      </c>
      <c r="F27" s="22">
        <v>48091</v>
      </c>
      <c r="G27" s="23">
        <v>40987</v>
      </c>
      <c r="H27" s="24">
        <v>89078</v>
      </c>
      <c r="I27" s="22">
        <v>55028</v>
      </c>
      <c r="J27" s="23">
        <v>44177</v>
      </c>
      <c r="K27" s="24">
        <v>99205</v>
      </c>
      <c r="L27" s="25">
        <v>46.64</v>
      </c>
      <c r="M27" s="26">
        <v>48.13</v>
      </c>
      <c r="N27" s="27">
        <v>47.31</v>
      </c>
      <c r="O27" s="8">
        <v>0.14000000000000057</v>
      </c>
      <c r="P27" s="9">
        <v>-2.1999999999999957</v>
      </c>
      <c r="Q27" s="10">
        <v>-0.9199999999999946</v>
      </c>
    </row>
    <row r="28" spans="1:17" ht="15.75" customHeight="1" x14ac:dyDescent="0.2">
      <c r="A28" s="6"/>
      <c r="B28" s="7" t="s">
        <v>37</v>
      </c>
      <c r="C28" s="22">
        <v>72649</v>
      </c>
      <c r="D28" s="23">
        <v>70217</v>
      </c>
      <c r="E28" s="24">
        <v>142866</v>
      </c>
      <c r="F28" s="22">
        <v>40887</v>
      </c>
      <c r="G28" s="23">
        <v>38414</v>
      </c>
      <c r="H28" s="24">
        <v>79301</v>
      </c>
      <c r="I28" s="22">
        <v>31762</v>
      </c>
      <c r="J28" s="23">
        <v>31803</v>
      </c>
      <c r="K28" s="24">
        <v>63565</v>
      </c>
      <c r="L28" s="25">
        <v>56.28</v>
      </c>
      <c r="M28" s="26">
        <v>54.71</v>
      </c>
      <c r="N28" s="27">
        <v>55.51</v>
      </c>
      <c r="O28" s="8">
        <v>0.24000000000000199</v>
      </c>
      <c r="P28" s="9">
        <v>-1.8100000000000023</v>
      </c>
      <c r="Q28" s="10">
        <v>-0.77000000000000313</v>
      </c>
    </row>
    <row r="29" spans="1:17" ht="15.75" customHeight="1" x14ac:dyDescent="0.2">
      <c r="A29" s="6"/>
      <c r="B29" s="7" t="s">
        <v>38</v>
      </c>
      <c r="C29" s="22">
        <v>110982</v>
      </c>
      <c r="D29" s="23">
        <v>109863</v>
      </c>
      <c r="E29" s="24">
        <v>220845</v>
      </c>
      <c r="F29" s="22">
        <v>65766</v>
      </c>
      <c r="G29" s="23">
        <v>62919</v>
      </c>
      <c r="H29" s="24">
        <v>128685</v>
      </c>
      <c r="I29" s="22">
        <v>45216</v>
      </c>
      <c r="J29" s="23">
        <v>46944</v>
      </c>
      <c r="K29" s="24">
        <v>92160</v>
      </c>
      <c r="L29" s="25">
        <v>59.26</v>
      </c>
      <c r="M29" s="26">
        <v>57.27</v>
      </c>
      <c r="N29" s="27">
        <v>58.27</v>
      </c>
      <c r="O29" s="8">
        <v>1.4799999999999969</v>
      </c>
      <c r="P29" s="9">
        <v>0.27000000000000313</v>
      </c>
      <c r="Q29" s="10">
        <v>0.88000000000000256</v>
      </c>
    </row>
    <row r="30" spans="1:17" ht="15.75" customHeight="1" x14ac:dyDescent="0.2">
      <c r="A30" s="6"/>
      <c r="B30" s="7" t="s">
        <v>39</v>
      </c>
      <c r="C30" s="22">
        <v>96665</v>
      </c>
      <c r="D30" s="23">
        <v>97771</v>
      </c>
      <c r="E30" s="24">
        <v>194436</v>
      </c>
      <c r="F30" s="22">
        <v>53726</v>
      </c>
      <c r="G30" s="23">
        <v>52546</v>
      </c>
      <c r="H30" s="24">
        <v>106272</v>
      </c>
      <c r="I30" s="22">
        <v>42939</v>
      </c>
      <c r="J30" s="23">
        <v>45225</v>
      </c>
      <c r="K30" s="24">
        <v>88164</v>
      </c>
      <c r="L30" s="25">
        <v>55.58</v>
      </c>
      <c r="M30" s="26">
        <v>53.74</v>
      </c>
      <c r="N30" s="27">
        <v>54.66</v>
      </c>
      <c r="O30" s="8">
        <v>1.2199999999999989</v>
      </c>
      <c r="P30" s="9">
        <v>-0.6699999999999946</v>
      </c>
      <c r="Q30" s="10">
        <v>0.27999999999999403</v>
      </c>
    </row>
    <row r="31" spans="1:17" ht="15.75" customHeight="1" x14ac:dyDescent="0.2">
      <c r="A31" s="6"/>
      <c r="B31" s="7" t="s">
        <v>40</v>
      </c>
      <c r="C31" s="22">
        <v>94573</v>
      </c>
      <c r="D31" s="23">
        <v>92135</v>
      </c>
      <c r="E31" s="24">
        <v>186708</v>
      </c>
      <c r="F31" s="22">
        <v>52314</v>
      </c>
      <c r="G31" s="23">
        <v>49483</v>
      </c>
      <c r="H31" s="24">
        <v>101797</v>
      </c>
      <c r="I31" s="22">
        <v>42259</v>
      </c>
      <c r="J31" s="23">
        <v>42652</v>
      </c>
      <c r="K31" s="24">
        <v>84911</v>
      </c>
      <c r="L31" s="25">
        <v>55.32</v>
      </c>
      <c r="M31" s="26">
        <v>53.71</v>
      </c>
      <c r="N31" s="27">
        <v>54.52</v>
      </c>
      <c r="O31" s="8">
        <v>-0.31000000000000227</v>
      </c>
      <c r="P31" s="9">
        <v>-2.269999999999996</v>
      </c>
      <c r="Q31" s="10">
        <v>-1.279999999999994</v>
      </c>
    </row>
    <row r="32" spans="1:17" ht="15.75" customHeight="1" x14ac:dyDescent="0.2">
      <c r="A32" s="6"/>
      <c r="B32" s="7" t="s">
        <v>41</v>
      </c>
      <c r="C32" s="22">
        <v>93598</v>
      </c>
      <c r="D32" s="23">
        <v>100075</v>
      </c>
      <c r="E32" s="24">
        <v>193673</v>
      </c>
      <c r="F32" s="22">
        <v>52590</v>
      </c>
      <c r="G32" s="23">
        <v>53922</v>
      </c>
      <c r="H32" s="24">
        <v>106512</v>
      </c>
      <c r="I32" s="22">
        <v>41008</v>
      </c>
      <c r="J32" s="23">
        <v>46153</v>
      </c>
      <c r="K32" s="24">
        <v>87161</v>
      </c>
      <c r="L32" s="25">
        <v>56.19</v>
      </c>
      <c r="M32" s="26">
        <v>53.88</v>
      </c>
      <c r="N32" s="27">
        <v>55</v>
      </c>
      <c r="O32" s="8">
        <v>-0.25</v>
      </c>
      <c r="P32" s="9">
        <v>-1.6099999999999994</v>
      </c>
      <c r="Q32" s="10">
        <v>-0.95000000000000284</v>
      </c>
    </row>
    <row r="33" spans="1:17" ht="15.75" customHeight="1" x14ac:dyDescent="0.2">
      <c r="A33" s="6"/>
      <c r="B33" s="7" t="s">
        <v>42</v>
      </c>
      <c r="C33" s="22">
        <v>71020</v>
      </c>
      <c r="D33" s="23">
        <v>77523</v>
      </c>
      <c r="E33" s="24">
        <v>148543</v>
      </c>
      <c r="F33" s="22">
        <v>42347</v>
      </c>
      <c r="G33" s="23">
        <v>43797</v>
      </c>
      <c r="H33" s="24">
        <v>86144</v>
      </c>
      <c r="I33" s="22">
        <v>28673</v>
      </c>
      <c r="J33" s="23">
        <v>33726</v>
      </c>
      <c r="K33" s="24">
        <v>62399</v>
      </c>
      <c r="L33" s="25">
        <v>59.63</v>
      </c>
      <c r="M33" s="26">
        <v>56.5</v>
      </c>
      <c r="N33" s="27">
        <v>57.99</v>
      </c>
      <c r="O33" s="8">
        <v>-1.9399999999999977</v>
      </c>
      <c r="P33" s="9">
        <v>-3.3400000000000034</v>
      </c>
      <c r="Q33" s="10">
        <v>-2.6799999999999997</v>
      </c>
    </row>
    <row r="34" spans="1:17" ht="15.75" customHeight="1" x14ac:dyDescent="0.2">
      <c r="A34" s="45" t="s">
        <v>43</v>
      </c>
      <c r="B34" s="46"/>
      <c r="C34" s="22">
        <v>299443</v>
      </c>
      <c r="D34" s="23">
        <v>301606</v>
      </c>
      <c r="E34" s="24">
        <v>601049</v>
      </c>
      <c r="F34" s="22">
        <v>163079</v>
      </c>
      <c r="G34" s="23">
        <v>158770</v>
      </c>
      <c r="H34" s="24">
        <v>321849</v>
      </c>
      <c r="I34" s="22">
        <v>136364</v>
      </c>
      <c r="J34" s="23">
        <v>142836</v>
      </c>
      <c r="K34" s="24">
        <v>279200</v>
      </c>
      <c r="L34" s="25">
        <v>54.46</v>
      </c>
      <c r="M34" s="26">
        <v>52.64</v>
      </c>
      <c r="N34" s="27">
        <v>53.55</v>
      </c>
      <c r="O34" s="8">
        <v>0.57000000000000028</v>
      </c>
      <c r="P34" s="9">
        <v>-1.0300000000000011</v>
      </c>
      <c r="Q34" s="10">
        <v>-0.23000000000000398</v>
      </c>
    </row>
    <row r="35" spans="1:17" ht="15.75" customHeight="1" x14ac:dyDescent="0.2">
      <c r="A35" s="6"/>
      <c r="B35" s="7" t="s">
        <v>44</v>
      </c>
      <c r="C35" s="22">
        <v>70358</v>
      </c>
      <c r="D35" s="23">
        <v>69908</v>
      </c>
      <c r="E35" s="24">
        <v>140266</v>
      </c>
      <c r="F35" s="22">
        <v>38449</v>
      </c>
      <c r="G35" s="23">
        <v>37095</v>
      </c>
      <c r="H35" s="24">
        <v>75544</v>
      </c>
      <c r="I35" s="22">
        <v>31909</v>
      </c>
      <c r="J35" s="23">
        <v>32813</v>
      </c>
      <c r="K35" s="24">
        <v>64722</v>
      </c>
      <c r="L35" s="25">
        <v>54.65</v>
      </c>
      <c r="M35" s="26">
        <v>53.06</v>
      </c>
      <c r="N35" s="27">
        <v>53.86</v>
      </c>
      <c r="O35" s="8">
        <v>4.9999999999997158E-2</v>
      </c>
      <c r="P35" s="9">
        <v>-1.1799999999999997</v>
      </c>
      <c r="Q35" s="10">
        <v>-0.56000000000000227</v>
      </c>
    </row>
    <row r="36" spans="1:17" ht="15.75" customHeight="1" x14ac:dyDescent="0.2">
      <c r="A36" s="6"/>
      <c r="B36" s="7" t="s">
        <v>45</v>
      </c>
      <c r="C36" s="22">
        <v>113577</v>
      </c>
      <c r="D36" s="23">
        <v>112829</v>
      </c>
      <c r="E36" s="24">
        <v>226406</v>
      </c>
      <c r="F36" s="22">
        <v>58712</v>
      </c>
      <c r="G36" s="23">
        <v>56722</v>
      </c>
      <c r="H36" s="24">
        <v>115434</v>
      </c>
      <c r="I36" s="22">
        <v>54865</v>
      </c>
      <c r="J36" s="23">
        <v>56107</v>
      </c>
      <c r="K36" s="24">
        <v>110972</v>
      </c>
      <c r="L36" s="25">
        <v>51.69</v>
      </c>
      <c r="M36" s="26">
        <v>50.27</v>
      </c>
      <c r="N36" s="27">
        <v>50.99</v>
      </c>
      <c r="O36" s="8">
        <v>3.9999999999999147E-2</v>
      </c>
      <c r="P36" s="9">
        <v>-1.6199999999999974</v>
      </c>
      <c r="Q36" s="10">
        <v>-0.78000000000000114</v>
      </c>
    </row>
    <row r="37" spans="1:17" ht="15.75" customHeight="1" x14ac:dyDescent="0.2">
      <c r="A37" s="6"/>
      <c r="B37" s="7" t="s">
        <v>46</v>
      </c>
      <c r="C37" s="22">
        <v>115508</v>
      </c>
      <c r="D37" s="23">
        <v>118869</v>
      </c>
      <c r="E37" s="24">
        <v>234377</v>
      </c>
      <c r="F37" s="22">
        <v>65918</v>
      </c>
      <c r="G37" s="23">
        <v>64953</v>
      </c>
      <c r="H37" s="24">
        <v>130871</v>
      </c>
      <c r="I37" s="22">
        <v>49590</v>
      </c>
      <c r="J37" s="23">
        <v>53916</v>
      </c>
      <c r="K37" s="24">
        <v>103506</v>
      </c>
      <c r="L37" s="25">
        <v>57.07</v>
      </c>
      <c r="M37" s="26">
        <v>54.64</v>
      </c>
      <c r="N37" s="27">
        <v>55.84</v>
      </c>
      <c r="O37" s="8">
        <v>1.4100000000000037</v>
      </c>
      <c r="P37" s="9">
        <v>-0.38000000000000256</v>
      </c>
      <c r="Q37" s="10">
        <v>0.5</v>
      </c>
    </row>
    <row r="38" spans="1:17" ht="15.75" customHeight="1" x14ac:dyDescent="0.2">
      <c r="A38" s="45" t="s">
        <v>47</v>
      </c>
      <c r="B38" s="46"/>
      <c r="C38" s="22">
        <v>159227</v>
      </c>
      <c r="D38" s="23">
        <v>163175</v>
      </c>
      <c r="E38" s="24">
        <v>322402</v>
      </c>
      <c r="F38" s="22">
        <v>86471</v>
      </c>
      <c r="G38" s="23">
        <v>86860</v>
      </c>
      <c r="H38" s="24">
        <v>173331</v>
      </c>
      <c r="I38" s="22">
        <v>72756</v>
      </c>
      <c r="J38" s="23">
        <v>76315</v>
      </c>
      <c r="K38" s="24">
        <v>149071</v>
      </c>
      <c r="L38" s="25">
        <v>54.31</v>
      </c>
      <c r="M38" s="26">
        <v>53.23</v>
      </c>
      <c r="N38" s="27">
        <v>53.76</v>
      </c>
      <c r="O38" s="8">
        <v>2.6200000000000045</v>
      </c>
      <c r="P38" s="9">
        <v>1.5499999999999972</v>
      </c>
      <c r="Q38" s="10">
        <v>2.0799999999999983</v>
      </c>
    </row>
    <row r="39" spans="1:17" ht="15.75" customHeight="1" x14ac:dyDescent="0.2">
      <c r="A39" s="45" t="s">
        <v>48</v>
      </c>
      <c r="B39" s="46"/>
      <c r="C39" s="22">
        <v>107896</v>
      </c>
      <c r="D39" s="23">
        <v>108820</v>
      </c>
      <c r="E39" s="24">
        <v>216716</v>
      </c>
      <c r="F39" s="22">
        <v>53324</v>
      </c>
      <c r="G39" s="23">
        <v>51685</v>
      </c>
      <c r="H39" s="24">
        <v>105009</v>
      </c>
      <c r="I39" s="22">
        <v>54572</v>
      </c>
      <c r="J39" s="23">
        <v>57135</v>
      </c>
      <c r="K39" s="24">
        <v>111707</v>
      </c>
      <c r="L39" s="25">
        <v>49.42</v>
      </c>
      <c r="M39" s="26">
        <v>47.5</v>
      </c>
      <c r="N39" s="27">
        <v>48.45</v>
      </c>
      <c r="O39" s="8">
        <v>-1.5899999999999963</v>
      </c>
      <c r="P39" s="9">
        <v>-3.3699999999999974</v>
      </c>
      <c r="Q39" s="10">
        <v>-2.4899999999999949</v>
      </c>
    </row>
    <row r="40" spans="1:17" ht="15.75" customHeight="1" x14ac:dyDescent="0.2">
      <c r="A40" s="45" t="s">
        <v>49</v>
      </c>
      <c r="B40" s="46"/>
      <c r="C40" s="22">
        <v>69463</v>
      </c>
      <c r="D40" s="23">
        <v>79525</v>
      </c>
      <c r="E40" s="24">
        <v>148988</v>
      </c>
      <c r="F40" s="22">
        <v>44082</v>
      </c>
      <c r="G40" s="23">
        <v>47745</v>
      </c>
      <c r="H40" s="24">
        <v>91827</v>
      </c>
      <c r="I40" s="22">
        <v>25381</v>
      </c>
      <c r="J40" s="23">
        <v>31780</v>
      </c>
      <c r="K40" s="24">
        <v>57161</v>
      </c>
      <c r="L40" s="25">
        <v>63.46</v>
      </c>
      <c r="M40" s="26">
        <v>60.04</v>
      </c>
      <c r="N40" s="27">
        <v>61.63</v>
      </c>
      <c r="O40" s="8">
        <v>1.9699999999999989</v>
      </c>
      <c r="P40" s="9">
        <v>1.1700000000000017</v>
      </c>
      <c r="Q40" s="10">
        <v>1.5300000000000011</v>
      </c>
    </row>
    <row r="41" spans="1:17" ht="15.75" customHeight="1" x14ac:dyDescent="0.2">
      <c r="A41" s="45" t="s">
        <v>50</v>
      </c>
      <c r="B41" s="46"/>
      <c r="C41" s="22">
        <v>181057</v>
      </c>
      <c r="D41" s="23">
        <v>188670</v>
      </c>
      <c r="E41" s="24">
        <v>369727</v>
      </c>
      <c r="F41" s="22">
        <v>101960</v>
      </c>
      <c r="G41" s="23">
        <v>101589</v>
      </c>
      <c r="H41" s="24">
        <v>203549</v>
      </c>
      <c r="I41" s="22">
        <v>79097</v>
      </c>
      <c r="J41" s="23">
        <v>87081</v>
      </c>
      <c r="K41" s="24">
        <v>166178</v>
      </c>
      <c r="L41" s="25">
        <v>56.31</v>
      </c>
      <c r="M41" s="26">
        <v>53.84</v>
      </c>
      <c r="N41" s="27">
        <v>55.05</v>
      </c>
      <c r="O41" s="8">
        <v>2.1799999999999997</v>
      </c>
      <c r="P41" s="9">
        <v>0.90000000000000568</v>
      </c>
      <c r="Q41" s="10">
        <v>1.529999999999994</v>
      </c>
    </row>
    <row r="42" spans="1:17" ht="15.75" customHeight="1" x14ac:dyDescent="0.2">
      <c r="A42" s="45" t="s">
        <v>51</v>
      </c>
      <c r="B42" s="46"/>
      <c r="C42" s="22">
        <v>76599</v>
      </c>
      <c r="D42" s="23">
        <v>81861</v>
      </c>
      <c r="E42" s="24">
        <v>158460</v>
      </c>
      <c r="F42" s="22">
        <v>37869</v>
      </c>
      <c r="G42" s="23">
        <v>39004</v>
      </c>
      <c r="H42" s="24">
        <v>76873</v>
      </c>
      <c r="I42" s="22">
        <v>38730</v>
      </c>
      <c r="J42" s="23">
        <v>42857</v>
      </c>
      <c r="K42" s="24">
        <v>81587</v>
      </c>
      <c r="L42" s="25">
        <v>49.44</v>
      </c>
      <c r="M42" s="26">
        <v>47.65</v>
      </c>
      <c r="N42" s="27">
        <v>48.51</v>
      </c>
      <c r="O42" s="8">
        <v>-3.5</v>
      </c>
      <c r="P42" s="9">
        <v>-4.4600000000000009</v>
      </c>
      <c r="Q42" s="10">
        <v>-4</v>
      </c>
    </row>
    <row r="43" spans="1:17" ht="15.75" customHeight="1" x14ac:dyDescent="0.2">
      <c r="A43" s="45" t="s">
        <v>52</v>
      </c>
      <c r="B43" s="46"/>
      <c r="C43" s="22">
        <v>100153</v>
      </c>
      <c r="D43" s="23">
        <v>107801</v>
      </c>
      <c r="E43" s="24">
        <v>207954</v>
      </c>
      <c r="F43" s="22">
        <v>55664</v>
      </c>
      <c r="G43" s="23">
        <v>56846</v>
      </c>
      <c r="H43" s="24">
        <v>112510</v>
      </c>
      <c r="I43" s="22">
        <v>44489</v>
      </c>
      <c r="J43" s="23">
        <v>50955</v>
      </c>
      <c r="K43" s="24">
        <v>95444</v>
      </c>
      <c r="L43" s="25">
        <v>55.58</v>
      </c>
      <c r="M43" s="26">
        <v>52.73</v>
      </c>
      <c r="N43" s="27">
        <v>54.1</v>
      </c>
      <c r="O43" s="8">
        <v>0</v>
      </c>
      <c r="P43" s="9">
        <v>-2.0500000000000043</v>
      </c>
      <c r="Q43" s="10">
        <v>-1.0599999999999952</v>
      </c>
    </row>
    <row r="44" spans="1:17" ht="15.75" customHeight="1" x14ac:dyDescent="0.2">
      <c r="A44" s="45" t="s">
        <v>53</v>
      </c>
      <c r="B44" s="46"/>
      <c r="C44" s="22">
        <v>22644</v>
      </c>
      <c r="D44" s="23">
        <v>26433</v>
      </c>
      <c r="E44" s="24">
        <v>49077</v>
      </c>
      <c r="F44" s="22">
        <v>14003</v>
      </c>
      <c r="G44" s="23">
        <v>15529</v>
      </c>
      <c r="H44" s="24">
        <v>29532</v>
      </c>
      <c r="I44" s="22">
        <v>8641</v>
      </c>
      <c r="J44" s="23">
        <v>10904</v>
      </c>
      <c r="K44" s="24">
        <v>19545</v>
      </c>
      <c r="L44" s="25">
        <v>61.84</v>
      </c>
      <c r="M44" s="26">
        <v>58.75</v>
      </c>
      <c r="N44" s="27">
        <v>60.17</v>
      </c>
      <c r="O44" s="8">
        <v>0.24000000000000199</v>
      </c>
      <c r="P44" s="9">
        <v>0.35000000000000142</v>
      </c>
      <c r="Q44" s="10">
        <v>0.28999999999999915</v>
      </c>
    </row>
    <row r="45" spans="1:17" ht="15.75" customHeight="1" x14ac:dyDescent="0.2">
      <c r="A45" s="45" t="s">
        <v>54</v>
      </c>
      <c r="B45" s="46"/>
      <c r="C45" s="22">
        <v>16783</v>
      </c>
      <c r="D45" s="23">
        <v>18191</v>
      </c>
      <c r="E45" s="24">
        <v>34974</v>
      </c>
      <c r="F45" s="22">
        <v>9202</v>
      </c>
      <c r="G45" s="23">
        <v>9928</v>
      </c>
      <c r="H45" s="24">
        <v>19130</v>
      </c>
      <c r="I45" s="22">
        <v>7581</v>
      </c>
      <c r="J45" s="23">
        <v>8263</v>
      </c>
      <c r="K45" s="24">
        <v>15844</v>
      </c>
      <c r="L45" s="25">
        <v>54.83</v>
      </c>
      <c r="M45" s="26">
        <v>54.58</v>
      </c>
      <c r="N45" s="27">
        <v>54.7</v>
      </c>
      <c r="O45" s="8">
        <v>3.2299999999999969</v>
      </c>
      <c r="P45" s="9">
        <v>2.0499999999999972</v>
      </c>
      <c r="Q45" s="10">
        <v>2.6099999999999994</v>
      </c>
    </row>
    <row r="46" spans="1:17" ht="15.75" customHeight="1" x14ac:dyDescent="0.2">
      <c r="A46" s="45" t="s">
        <v>55</v>
      </c>
      <c r="B46" s="46"/>
      <c r="C46" s="22">
        <v>66496</v>
      </c>
      <c r="D46" s="23">
        <v>67162</v>
      </c>
      <c r="E46" s="24">
        <v>133658</v>
      </c>
      <c r="F46" s="22">
        <v>33086</v>
      </c>
      <c r="G46" s="23">
        <v>31758</v>
      </c>
      <c r="H46" s="24">
        <v>64844</v>
      </c>
      <c r="I46" s="22">
        <v>33410</v>
      </c>
      <c r="J46" s="23">
        <v>35404</v>
      </c>
      <c r="K46" s="24">
        <v>68814</v>
      </c>
      <c r="L46" s="25">
        <v>49.76</v>
      </c>
      <c r="M46" s="26">
        <v>47.29</v>
      </c>
      <c r="N46" s="27">
        <v>48.51</v>
      </c>
      <c r="O46" s="8">
        <v>-1.8000000000000043</v>
      </c>
      <c r="P46" s="9">
        <v>-2.8999999999999986</v>
      </c>
      <c r="Q46" s="10">
        <v>-2.3599999999999994</v>
      </c>
    </row>
    <row r="47" spans="1:17" ht="15.75" customHeight="1" x14ac:dyDescent="0.2">
      <c r="A47" s="45" t="s">
        <v>56</v>
      </c>
      <c r="B47" s="46"/>
      <c r="C47" s="22">
        <v>94352</v>
      </c>
      <c r="D47" s="23">
        <v>89043</v>
      </c>
      <c r="E47" s="24">
        <v>183395</v>
      </c>
      <c r="F47" s="22">
        <v>48104</v>
      </c>
      <c r="G47" s="23">
        <v>44294</v>
      </c>
      <c r="H47" s="24">
        <v>92398</v>
      </c>
      <c r="I47" s="22">
        <v>46248</v>
      </c>
      <c r="J47" s="23">
        <v>44749</v>
      </c>
      <c r="K47" s="24">
        <v>90997</v>
      </c>
      <c r="L47" s="25">
        <v>50.98</v>
      </c>
      <c r="M47" s="26">
        <v>49.74</v>
      </c>
      <c r="N47" s="27">
        <v>50.38</v>
      </c>
      <c r="O47" s="8">
        <v>0.22999999999999687</v>
      </c>
      <c r="P47" s="9">
        <v>-1.509999999999998</v>
      </c>
      <c r="Q47" s="10">
        <v>-0.60999999999999943</v>
      </c>
    </row>
    <row r="48" spans="1:17" ht="15.75" customHeight="1" x14ac:dyDescent="0.2">
      <c r="A48" s="45" t="s">
        <v>57</v>
      </c>
      <c r="B48" s="46"/>
      <c r="C48" s="22">
        <v>100773</v>
      </c>
      <c r="D48" s="23">
        <v>102443</v>
      </c>
      <c r="E48" s="24">
        <v>203216</v>
      </c>
      <c r="F48" s="22">
        <v>55057</v>
      </c>
      <c r="G48" s="23">
        <v>54578</v>
      </c>
      <c r="H48" s="24">
        <v>109635</v>
      </c>
      <c r="I48" s="22">
        <v>45716</v>
      </c>
      <c r="J48" s="23">
        <v>47865</v>
      </c>
      <c r="K48" s="24">
        <v>93581</v>
      </c>
      <c r="L48" s="25">
        <v>54.63</v>
      </c>
      <c r="M48" s="26">
        <v>53.28</v>
      </c>
      <c r="N48" s="27">
        <v>53.95</v>
      </c>
      <c r="O48" s="8">
        <v>2.1500000000000057</v>
      </c>
      <c r="P48" s="9">
        <v>0.63000000000000256</v>
      </c>
      <c r="Q48" s="10">
        <v>1.3900000000000006</v>
      </c>
    </row>
    <row r="49" spans="1:17" ht="15.75" customHeight="1" x14ac:dyDescent="0.2">
      <c r="A49" s="45" t="s">
        <v>58</v>
      </c>
      <c r="B49" s="46"/>
      <c r="C49" s="22">
        <v>42076</v>
      </c>
      <c r="D49" s="23">
        <v>41062</v>
      </c>
      <c r="E49" s="24">
        <v>83138</v>
      </c>
      <c r="F49" s="22">
        <v>21935</v>
      </c>
      <c r="G49" s="23">
        <v>20815</v>
      </c>
      <c r="H49" s="24">
        <v>42750</v>
      </c>
      <c r="I49" s="22">
        <v>20141</v>
      </c>
      <c r="J49" s="23">
        <v>20247</v>
      </c>
      <c r="K49" s="24">
        <v>40388</v>
      </c>
      <c r="L49" s="25">
        <v>52.13</v>
      </c>
      <c r="M49" s="26">
        <v>50.69</v>
      </c>
      <c r="N49" s="27">
        <v>51.42</v>
      </c>
      <c r="O49" s="8">
        <v>-1.0599999999999952</v>
      </c>
      <c r="P49" s="9">
        <v>-2.0700000000000003</v>
      </c>
      <c r="Q49" s="10">
        <v>-1.5599999999999952</v>
      </c>
    </row>
    <row r="50" spans="1:17" ht="15.75" customHeight="1" x14ac:dyDescent="0.2">
      <c r="A50" s="45" t="s">
        <v>59</v>
      </c>
      <c r="B50" s="46"/>
      <c r="C50" s="22">
        <v>57958</v>
      </c>
      <c r="D50" s="23">
        <v>58274</v>
      </c>
      <c r="E50" s="24">
        <v>116232</v>
      </c>
      <c r="F50" s="22">
        <v>33558</v>
      </c>
      <c r="G50" s="23">
        <v>33047</v>
      </c>
      <c r="H50" s="24">
        <v>66605</v>
      </c>
      <c r="I50" s="22">
        <v>24400</v>
      </c>
      <c r="J50" s="23">
        <v>25227</v>
      </c>
      <c r="K50" s="24">
        <v>49627</v>
      </c>
      <c r="L50" s="25">
        <v>57.9</v>
      </c>
      <c r="M50" s="26">
        <v>56.71</v>
      </c>
      <c r="N50" s="27">
        <v>57.3</v>
      </c>
      <c r="O50" s="8">
        <v>0.96000000000000085</v>
      </c>
      <c r="P50" s="9">
        <v>-0.46999999999999886</v>
      </c>
      <c r="Q50" s="10">
        <v>0.23999999999999488</v>
      </c>
    </row>
    <row r="51" spans="1:17" ht="15.75" customHeight="1" x14ac:dyDescent="0.2">
      <c r="A51" s="45" t="s">
        <v>60</v>
      </c>
      <c r="B51" s="46"/>
      <c r="C51" s="22">
        <v>54728</v>
      </c>
      <c r="D51" s="23">
        <v>55289</v>
      </c>
      <c r="E51" s="24">
        <v>110017</v>
      </c>
      <c r="F51" s="22">
        <v>28460</v>
      </c>
      <c r="G51" s="23">
        <v>27458</v>
      </c>
      <c r="H51" s="24">
        <v>55918</v>
      </c>
      <c r="I51" s="22">
        <v>26268</v>
      </c>
      <c r="J51" s="23">
        <v>27831</v>
      </c>
      <c r="K51" s="24">
        <v>54099</v>
      </c>
      <c r="L51" s="25">
        <v>52</v>
      </c>
      <c r="M51" s="26">
        <v>49.66</v>
      </c>
      <c r="N51" s="27">
        <v>50.83</v>
      </c>
      <c r="O51" s="8">
        <v>2.2899999999999991</v>
      </c>
      <c r="P51" s="9">
        <v>0.90999999999999659</v>
      </c>
      <c r="Q51" s="10">
        <v>1.6099999999999994</v>
      </c>
    </row>
    <row r="52" spans="1:17" ht="15.75" customHeight="1" x14ac:dyDescent="0.2">
      <c r="A52" s="45" t="s">
        <v>61</v>
      </c>
      <c r="B52" s="46"/>
      <c r="C52" s="22">
        <v>16745</v>
      </c>
      <c r="D52" s="23">
        <v>17521</v>
      </c>
      <c r="E52" s="24">
        <v>34266</v>
      </c>
      <c r="F52" s="22">
        <v>8448</v>
      </c>
      <c r="G52" s="23">
        <v>8325</v>
      </c>
      <c r="H52" s="24">
        <v>16773</v>
      </c>
      <c r="I52" s="22">
        <v>8297</v>
      </c>
      <c r="J52" s="23">
        <v>9196</v>
      </c>
      <c r="K52" s="24">
        <v>17493</v>
      </c>
      <c r="L52" s="25">
        <v>50.45</v>
      </c>
      <c r="M52" s="26">
        <v>47.51</v>
      </c>
      <c r="N52" s="27">
        <v>48.95</v>
      </c>
      <c r="O52" s="8">
        <v>-5.009999999999998</v>
      </c>
      <c r="P52" s="9">
        <v>-6.4600000000000009</v>
      </c>
      <c r="Q52" s="10">
        <v>-5.75</v>
      </c>
    </row>
    <row r="53" spans="1:17" ht="15.75" customHeight="1" x14ac:dyDescent="0.2">
      <c r="A53" s="45" t="s">
        <v>62</v>
      </c>
      <c r="B53" s="46"/>
      <c r="C53" s="22">
        <v>33632</v>
      </c>
      <c r="D53" s="23">
        <v>33075</v>
      </c>
      <c r="E53" s="24">
        <v>66707</v>
      </c>
      <c r="F53" s="22">
        <v>16514</v>
      </c>
      <c r="G53" s="23">
        <v>15613</v>
      </c>
      <c r="H53" s="24">
        <v>32127</v>
      </c>
      <c r="I53" s="22">
        <v>17118</v>
      </c>
      <c r="J53" s="23">
        <v>17462</v>
      </c>
      <c r="K53" s="24">
        <v>34580</v>
      </c>
      <c r="L53" s="25">
        <v>49.1</v>
      </c>
      <c r="M53" s="26">
        <v>47.2</v>
      </c>
      <c r="N53" s="27">
        <v>48.16</v>
      </c>
      <c r="O53" s="8">
        <v>0.39000000000000057</v>
      </c>
      <c r="P53" s="9">
        <v>-1.9799999999999969</v>
      </c>
      <c r="Q53" s="10">
        <v>-0.78000000000000114</v>
      </c>
    </row>
    <row r="54" spans="1:17" ht="15.75" customHeight="1" x14ac:dyDescent="0.2">
      <c r="A54" s="45" t="s">
        <v>63</v>
      </c>
      <c r="B54" s="46"/>
      <c r="C54" s="22">
        <v>12189</v>
      </c>
      <c r="D54" s="23">
        <v>14352</v>
      </c>
      <c r="E54" s="24">
        <v>26541</v>
      </c>
      <c r="F54" s="22">
        <v>7672</v>
      </c>
      <c r="G54" s="23">
        <v>8520</v>
      </c>
      <c r="H54" s="24">
        <v>16192</v>
      </c>
      <c r="I54" s="22">
        <v>4517</v>
      </c>
      <c r="J54" s="23">
        <v>5832</v>
      </c>
      <c r="K54" s="24">
        <v>10349</v>
      </c>
      <c r="L54" s="25">
        <v>62.94</v>
      </c>
      <c r="M54" s="26">
        <v>59.36</v>
      </c>
      <c r="N54" s="27">
        <v>61.01</v>
      </c>
      <c r="O54" s="8">
        <v>3.7899999999999991</v>
      </c>
      <c r="P54" s="9">
        <v>3.3699999999999974</v>
      </c>
      <c r="Q54" s="10">
        <v>3.5599999999999952</v>
      </c>
    </row>
    <row r="55" spans="1:17" ht="15.75" customHeight="1" x14ac:dyDescent="0.2">
      <c r="A55" s="6"/>
      <c r="B55" s="7" t="s">
        <v>64</v>
      </c>
      <c r="C55" s="22">
        <v>12189</v>
      </c>
      <c r="D55" s="23">
        <v>14352</v>
      </c>
      <c r="E55" s="24">
        <v>26541</v>
      </c>
      <c r="F55" s="22">
        <v>7672</v>
      </c>
      <c r="G55" s="23">
        <v>8520</v>
      </c>
      <c r="H55" s="24">
        <v>16192</v>
      </c>
      <c r="I55" s="22">
        <v>4517</v>
      </c>
      <c r="J55" s="23">
        <v>5832</v>
      </c>
      <c r="K55" s="24">
        <v>10349</v>
      </c>
      <c r="L55" s="25">
        <v>62.94</v>
      </c>
      <c r="M55" s="26">
        <v>59.36</v>
      </c>
      <c r="N55" s="27">
        <v>61.01</v>
      </c>
      <c r="O55" s="8">
        <v>3.7899999999999991</v>
      </c>
      <c r="P55" s="9">
        <v>3.3699999999999974</v>
      </c>
      <c r="Q55" s="10">
        <v>3.5599999999999952</v>
      </c>
    </row>
    <row r="56" spans="1:17" ht="15.75" customHeight="1" x14ac:dyDescent="0.2">
      <c r="A56" s="45" t="s">
        <v>65</v>
      </c>
      <c r="B56" s="46"/>
      <c r="C56" s="22">
        <v>20245</v>
      </c>
      <c r="D56" s="23">
        <v>20009</v>
      </c>
      <c r="E56" s="24">
        <v>40254</v>
      </c>
      <c r="F56" s="22">
        <v>9270</v>
      </c>
      <c r="G56" s="23">
        <v>8923</v>
      </c>
      <c r="H56" s="24">
        <v>18193</v>
      </c>
      <c r="I56" s="22">
        <v>10975</v>
      </c>
      <c r="J56" s="23">
        <v>11086</v>
      </c>
      <c r="K56" s="24">
        <v>22061</v>
      </c>
      <c r="L56" s="25">
        <v>45.79</v>
      </c>
      <c r="M56" s="26">
        <v>44.59</v>
      </c>
      <c r="N56" s="27">
        <v>45.2</v>
      </c>
      <c r="O56" s="8">
        <v>-1.3000000000000043</v>
      </c>
      <c r="P56" s="9">
        <v>-3.3699999999999974</v>
      </c>
      <c r="Q56" s="10">
        <v>-2.3200000000000003</v>
      </c>
    </row>
    <row r="57" spans="1:17" ht="15.75" customHeight="1" x14ac:dyDescent="0.2">
      <c r="A57" s="6"/>
      <c r="B57" s="7" t="s">
        <v>66</v>
      </c>
      <c r="C57" s="22">
        <v>20245</v>
      </c>
      <c r="D57" s="23">
        <v>20009</v>
      </c>
      <c r="E57" s="24">
        <v>40254</v>
      </c>
      <c r="F57" s="22">
        <v>9270</v>
      </c>
      <c r="G57" s="23">
        <v>8923</v>
      </c>
      <c r="H57" s="24">
        <v>18193</v>
      </c>
      <c r="I57" s="22">
        <v>10975</v>
      </c>
      <c r="J57" s="23">
        <v>11086</v>
      </c>
      <c r="K57" s="24">
        <v>22061</v>
      </c>
      <c r="L57" s="25">
        <v>45.79</v>
      </c>
      <c r="M57" s="26">
        <v>44.59</v>
      </c>
      <c r="N57" s="27">
        <v>45.2</v>
      </c>
      <c r="O57" s="8">
        <v>-1.3000000000000043</v>
      </c>
      <c r="P57" s="9">
        <v>-3.3699999999999974</v>
      </c>
      <c r="Q57" s="10">
        <v>-2.3200000000000003</v>
      </c>
    </row>
    <row r="58" spans="1:17" ht="15.75" customHeight="1" x14ac:dyDescent="0.2">
      <c r="A58" s="45" t="s">
        <v>67</v>
      </c>
      <c r="B58" s="46"/>
      <c r="C58" s="22">
        <v>24496</v>
      </c>
      <c r="D58" s="23">
        <v>26351</v>
      </c>
      <c r="E58" s="24">
        <v>50847</v>
      </c>
      <c r="F58" s="22">
        <v>13627</v>
      </c>
      <c r="G58" s="23">
        <v>13687</v>
      </c>
      <c r="H58" s="24">
        <v>27314</v>
      </c>
      <c r="I58" s="22">
        <v>10869</v>
      </c>
      <c r="J58" s="23">
        <v>12664</v>
      </c>
      <c r="K58" s="24">
        <v>23533</v>
      </c>
      <c r="L58" s="25">
        <v>55.63</v>
      </c>
      <c r="M58" s="26">
        <v>51.94</v>
      </c>
      <c r="N58" s="27">
        <v>53.72</v>
      </c>
      <c r="O58" s="8">
        <v>-3.0799999999999983</v>
      </c>
      <c r="P58" s="9">
        <v>-4.93</v>
      </c>
      <c r="Q58" s="10">
        <v>-4.0399999999999991</v>
      </c>
    </row>
    <row r="59" spans="1:17" ht="15.75" customHeight="1" x14ac:dyDescent="0.2">
      <c r="A59" s="6"/>
      <c r="B59" s="7" t="s">
        <v>68</v>
      </c>
      <c r="C59" s="22">
        <v>13123</v>
      </c>
      <c r="D59" s="23">
        <v>14014</v>
      </c>
      <c r="E59" s="24">
        <v>27137</v>
      </c>
      <c r="F59" s="22">
        <v>7242</v>
      </c>
      <c r="G59" s="23">
        <v>7172</v>
      </c>
      <c r="H59" s="24">
        <v>14414</v>
      </c>
      <c r="I59" s="22">
        <v>5881</v>
      </c>
      <c r="J59" s="23">
        <v>6842</v>
      </c>
      <c r="K59" s="24">
        <v>12723</v>
      </c>
      <c r="L59" s="25">
        <v>55.19</v>
      </c>
      <c r="M59" s="26">
        <v>51.18</v>
      </c>
      <c r="N59" s="27">
        <v>53.12</v>
      </c>
      <c r="O59" s="8">
        <v>-3.4699999999999989</v>
      </c>
      <c r="P59" s="9">
        <v>-5.3800000000000026</v>
      </c>
      <c r="Q59" s="10">
        <v>-4.4600000000000009</v>
      </c>
    </row>
    <row r="60" spans="1:17" ht="15.75" customHeight="1" x14ac:dyDescent="0.2">
      <c r="A60" s="6"/>
      <c r="B60" s="7" t="s">
        <v>69</v>
      </c>
      <c r="C60" s="22">
        <v>11373</v>
      </c>
      <c r="D60" s="23">
        <v>12337</v>
      </c>
      <c r="E60" s="24">
        <v>23710</v>
      </c>
      <c r="F60" s="22">
        <v>6385</v>
      </c>
      <c r="G60" s="23">
        <v>6515</v>
      </c>
      <c r="H60" s="24">
        <v>12900</v>
      </c>
      <c r="I60" s="22">
        <v>4988</v>
      </c>
      <c r="J60" s="23">
        <v>5822</v>
      </c>
      <c r="K60" s="24">
        <v>10810</v>
      </c>
      <c r="L60" s="25">
        <v>56.14</v>
      </c>
      <c r="M60" s="26">
        <v>52.81</v>
      </c>
      <c r="N60" s="27">
        <v>54.41</v>
      </c>
      <c r="O60" s="8">
        <v>-2.6300000000000026</v>
      </c>
      <c r="P60" s="9">
        <v>-4.3999999999999986</v>
      </c>
      <c r="Q60" s="10">
        <v>-3.5500000000000043</v>
      </c>
    </row>
    <row r="61" spans="1:17" ht="15.75" customHeight="1" x14ac:dyDescent="0.2">
      <c r="A61" s="45" t="s">
        <v>70</v>
      </c>
      <c r="B61" s="46"/>
      <c r="C61" s="22">
        <v>26744</v>
      </c>
      <c r="D61" s="23">
        <v>27778</v>
      </c>
      <c r="E61" s="24">
        <v>54522</v>
      </c>
      <c r="F61" s="22">
        <v>14480</v>
      </c>
      <c r="G61" s="23">
        <v>14481</v>
      </c>
      <c r="H61" s="24">
        <v>28961</v>
      </c>
      <c r="I61" s="22">
        <v>12264</v>
      </c>
      <c r="J61" s="23">
        <v>13297</v>
      </c>
      <c r="K61" s="24">
        <v>25561</v>
      </c>
      <c r="L61" s="25">
        <v>54.14</v>
      </c>
      <c r="M61" s="26">
        <v>52.13</v>
      </c>
      <c r="N61" s="27">
        <v>53.12</v>
      </c>
      <c r="O61" s="8">
        <v>-2.6499999999999986</v>
      </c>
      <c r="P61" s="9">
        <v>-4.4899999999999949</v>
      </c>
      <c r="Q61" s="10">
        <v>-3.5800000000000054</v>
      </c>
    </row>
    <row r="62" spans="1:17" ht="15.75" customHeight="1" x14ac:dyDescent="0.2">
      <c r="A62" s="6"/>
      <c r="B62" s="7" t="s">
        <v>71</v>
      </c>
      <c r="C62" s="22">
        <v>3741</v>
      </c>
      <c r="D62" s="23">
        <v>3738</v>
      </c>
      <c r="E62" s="24">
        <v>7479</v>
      </c>
      <c r="F62" s="22">
        <v>1964</v>
      </c>
      <c r="G62" s="23">
        <v>1875</v>
      </c>
      <c r="H62" s="24">
        <v>3839</v>
      </c>
      <c r="I62" s="22">
        <v>1777</v>
      </c>
      <c r="J62" s="23">
        <v>1863</v>
      </c>
      <c r="K62" s="24">
        <v>3640</v>
      </c>
      <c r="L62" s="25">
        <v>52.5</v>
      </c>
      <c r="M62" s="26">
        <v>50.16</v>
      </c>
      <c r="N62" s="27">
        <v>51.33</v>
      </c>
      <c r="O62" s="8">
        <v>-4.0900000000000034</v>
      </c>
      <c r="P62" s="9">
        <v>-6.1500000000000057</v>
      </c>
      <c r="Q62" s="10">
        <v>-5.1200000000000045</v>
      </c>
    </row>
    <row r="63" spans="1:17" ht="15.75" customHeight="1" x14ac:dyDescent="0.2">
      <c r="A63" s="6"/>
      <c r="B63" s="7" t="s">
        <v>72</v>
      </c>
      <c r="C63" s="22">
        <v>7240</v>
      </c>
      <c r="D63" s="23">
        <v>7479</v>
      </c>
      <c r="E63" s="24">
        <v>14719</v>
      </c>
      <c r="F63" s="22">
        <v>3584</v>
      </c>
      <c r="G63" s="23">
        <v>3559</v>
      </c>
      <c r="H63" s="24">
        <v>7143</v>
      </c>
      <c r="I63" s="22">
        <v>3656</v>
      </c>
      <c r="J63" s="23">
        <v>3920</v>
      </c>
      <c r="K63" s="24">
        <v>7576</v>
      </c>
      <c r="L63" s="25">
        <v>49.5</v>
      </c>
      <c r="M63" s="26">
        <v>47.59</v>
      </c>
      <c r="N63" s="27">
        <v>48.53</v>
      </c>
      <c r="O63" s="8">
        <v>-1.1000000000000014</v>
      </c>
      <c r="P63" s="9">
        <v>-2.7399999999999949</v>
      </c>
      <c r="Q63" s="10">
        <v>-1.9299999999999997</v>
      </c>
    </row>
    <row r="64" spans="1:17" ht="15.75" customHeight="1" x14ac:dyDescent="0.2">
      <c r="A64" s="6"/>
      <c r="B64" s="7" t="s">
        <v>73</v>
      </c>
      <c r="C64" s="22">
        <v>4442</v>
      </c>
      <c r="D64" s="23">
        <v>4589</v>
      </c>
      <c r="E64" s="24">
        <v>9031</v>
      </c>
      <c r="F64" s="22">
        <v>2446</v>
      </c>
      <c r="G64" s="23">
        <v>2318</v>
      </c>
      <c r="H64" s="24">
        <v>4764</v>
      </c>
      <c r="I64" s="22">
        <v>1996</v>
      </c>
      <c r="J64" s="23">
        <v>2271</v>
      </c>
      <c r="K64" s="24">
        <v>4267</v>
      </c>
      <c r="L64" s="25">
        <v>55.07</v>
      </c>
      <c r="M64" s="26">
        <v>50.51</v>
      </c>
      <c r="N64" s="27">
        <v>52.75</v>
      </c>
      <c r="O64" s="8">
        <v>-3.7899999999999991</v>
      </c>
      <c r="P64" s="9">
        <v>-6.4699999999999989</v>
      </c>
      <c r="Q64" s="10">
        <v>-5.1499999999999986</v>
      </c>
    </row>
    <row r="65" spans="1:17" ht="15.75" customHeight="1" x14ac:dyDescent="0.2">
      <c r="A65" s="6"/>
      <c r="B65" s="7" t="s">
        <v>74</v>
      </c>
      <c r="C65" s="22">
        <v>3963</v>
      </c>
      <c r="D65" s="23">
        <v>4131</v>
      </c>
      <c r="E65" s="24">
        <v>8094</v>
      </c>
      <c r="F65" s="22">
        <v>2307</v>
      </c>
      <c r="G65" s="23">
        <v>2312</v>
      </c>
      <c r="H65" s="24">
        <v>4619</v>
      </c>
      <c r="I65" s="22">
        <v>1656</v>
      </c>
      <c r="J65" s="23">
        <v>1819</v>
      </c>
      <c r="K65" s="24">
        <v>3475</v>
      </c>
      <c r="L65" s="25">
        <v>58.21</v>
      </c>
      <c r="M65" s="26">
        <v>55.97</v>
      </c>
      <c r="N65" s="27">
        <v>57.07</v>
      </c>
      <c r="O65" s="8">
        <v>-4.93</v>
      </c>
      <c r="P65" s="9">
        <v>-7.0200000000000031</v>
      </c>
      <c r="Q65" s="10">
        <v>-5.990000000000002</v>
      </c>
    </row>
    <row r="66" spans="1:17" ht="15.75" customHeight="1" x14ac:dyDescent="0.2">
      <c r="A66" s="6"/>
      <c r="B66" s="7" t="s">
        <v>75</v>
      </c>
      <c r="C66" s="22">
        <v>7358</v>
      </c>
      <c r="D66" s="23">
        <v>7841</v>
      </c>
      <c r="E66" s="24">
        <v>15199</v>
      </c>
      <c r="F66" s="22">
        <v>4179</v>
      </c>
      <c r="G66" s="23">
        <v>4417</v>
      </c>
      <c r="H66" s="24">
        <v>8596</v>
      </c>
      <c r="I66" s="22">
        <v>3179</v>
      </c>
      <c r="J66" s="23">
        <v>3424</v>
      </c>
      <c r="K66" s="24">
        <v>6603</v>
      </c>
      <c r="L66" s="25">
        <v>56.8</v>
      </c>
      <c r="M66" s="26">
        <v>56.33</v>
      </c>
      <c r="N66" s="27">
        <v>56.56</v>
      </c>
      <c r="O66" s="8">
        <v>-1.4500000000000028</v>
      </c>
      <c r="P66" s="9">
        <v>-2.8299999999999983</v>
      </c>
      <c r="Q66" s="10">
        <v>-2.1599999999999966</v>
      </c>
    </row>
    <row r="67" spans="1:17" ht="15.75" customHeight="1" x14ac:dyDescent="0.2">
      <c r="A67" s="45" t="s">
        <v>76</v>
      </c>
      <c r="B67" s="46"/>
      <c r="C67" s="22">
        <v>16387</v>
      </c>
      <c r="D67" s="23">
        <v>18348</v>
      </c>
      <c r="E67" s="24">
        <v>34735</v>
      </c>
      <c r="F67" s="22">
        <v>8115</v>
      </c>
      <c r="G67" s="23">
        <v>8654</v>
      </c>
      <c r="H67" s="24">
        <v>16769</v>
      </c>
      <c r="I67" s="22">
        <v>8272</v>
      </c>
      <c r="J67" s="23">
        <v>9694</v>
      </c>
      <c r="K67" s="24">
        <v>17966</v>
      </c>
      <c r="L67" s="25">
        <v>49.52</v>
      </c>
      <c r="M67" s="26">
        <v>47.17</v>
      </c>
      <c r="N67" s="27">
        <v>48.28</v>
      </c>
      <c r="O67" s="8">
        <v>-4.57</v>
      </c>
      <c r="P67" s="9">
        <v>-6.0399999999999991</v>
      </c>
      <c r="Q67" s="10">
        <v>-5.3500000000000014</v>
      </c>
    </row>
    <row r="68" spans="1:17" ht="15.75" customHeight="1" x14ac:dyDescent="0.2">
      <c r="A68" s="6"/>
      <c r="B68" s="7" t="s">
        <v>77</v>
      </c>
      <c r="C68" s="22">
        <v>4221</v>
      </c>
      <c r="D68" s="23">
        <v>4458</v>
      </c>
      <c r="E68" s="24">
        <v>8679</v>
      </c>
      <c r="F68" s="22">
        <v>1899</v>
      </c>
      <c r="G68" s="23">
        <v>1936</v>
      </c>
      <c r="H68" s="24">
        <v>3835</v>
      </c>
      <c r="I68" s="22">
        <v>2322</v>
      </c>
      <c r="J68" s="23">
        <v>2522</v>
      </c>
      <c r="K68" s="24">
        <v>4844</v>
      </c>
      <c r="L68" s="25">
        <v>44.99</v>
      </c>
      <c r="M68" s="26">
        <v>43.43</v>
      </c>
      <c r="N68" s="27">
        <v>44.19</v>
      </c>
      <c r="O68" s="8">
        <v>-5.6000000000000014</v>
      </c>
      <c r="P68" s="9">
        <v>-7.6400000000000006</v>
      </c>
      <c r="Q68" s="10">
        <v>-6.6500000000000057</v>
      </c>
    </row>
    <row r="69" spans="1:17" ht="15.75" customHeight="1" x14ac:dyDescent="0.2">
      <c r="A69" s="6"/>
      <c r="B69" s="7" t="s">
        <v>78</v>
      </c>
      <c r="C69" s="22">
        <v>2694</v>
      </c>
      <c r="D69" s="23">
        <v>3101</v>
      </c>
      <c r="E69" s="24">
        <v>5795</v>
      </c>
      <c r="F69" s="22">
        <v>1430</v>
      </c>
      <c r="G69" s="23">
        <v>1567</v>
      </c>
      <c r="H69" s="24">
        <v>2997</v>
      </c>
      <c r="I69" s="22">
        <v>1264</v>
      </c>
      <c r="J69" s="23">
        <v>1534</v>
      </c>
      <c r="K69" s="24">
        <v>2798</v>
      </c>
      <c r="L69" s="25">
        <v>53.08</v>
      </c>
      <c r="M69" s="26">
        <v>50.53</v>
      </c>
      <c r="N69" s="27">
        <v>51.72</v>
      </c>
      <c r="O69" s="8">
        <v>-6.9600000000000009</v>
      </c>
      <c r="P69" s="9">
        <v>-9.509999999999998</v>
      </c>
      <c r="Q69" s="10">
        <v>-8.32</v>
      </c>
    </row>
    <row r="70" spans="1:17" ht="15.75" customHeight="1" x14ac:dyDescent="0.2">
      <c r="A70" s="6"/>
      <c r="B70" s="7" t="s">
        <v>79</v>
      </c>
      <c r="C70" s="22">
        <v>9472</v>
      </c>
      <c r="D70" s="23">
        <v>10789</v>
      </c>
      <c r="E70" s="24">
        <v>20261</v>
      </c>
      <c r="F70" s="22">
        <v>4786</v>
      </c>
      <c r="G70" s="23">
        <v>5151</v>
      </c>
      <c r="H70" s="24">
        <v>9937</v>
      </c>
      <c r="I70" s="22">
        <v>4686</v>
      </c>
      <c r="J70" s="23">
        <v>5638</v>
      </c>
      <c r="K70" s="24">
        <v>10324</v>
      </c>
      <c r="L70" s="25">
        <v>50.53</v>
      </c>
      <c r="M70" s="26">
        <v>47.74</v>
      </c>
      <c r="N70" s="27">
        <v>49.04</v>
      </c>
      <c r="O70" s="8">
        <v>-3.4399999999999977</v>
      </c>
      <c r="P70" s="9">
        <v>-4.3900000000000006</v>
      </c>
      <c r="Q70" s="10">
        <v>-3.9500000000000028</v>
      </c>
    </row>
    <row r="71" spans="1:17" ht="15.75" customHeight="1" x14ac:dyDescent="0.2">
      <c r="A71" s="45" t="s">
        <v>80</v>
      </c>
      <c r="B71" s="46"/>
      <c r="C71" s="22">
        <v>17444</v>
      </c>
      <c r="D71" s="23">
        <v>16108</v>
      </c>
      <c r="E71" s="24">
        <v>33552</v>
      </c>
      <c r="F71" s="22">
        <v>8016</v>
      </c>
      <c r="G71" s="23">
        <v>7419</v>
      </c>
      <c r="H71" s="24">
        <v>15435</v>
      </c>
      <c r="I71" s="22">
        <v>9428</v>
      </c>
      <c r="J71" s="23">
        <v>8689</v>
      </c>
      <c r="K71" s="24">
        <v>18117</v>
      </c>
      <c r="L71" s="25">
        <v>45.95</v>
      </c>
      <c r="M71" s="26">
        <v>46.06</v>
      </c>
      <c r="N71" s="27">
        <v>46</v>
      </c>
      <c r="O71" s="8">
        <v>-2.259999999999998</v>
      </c>
      <c r="P71" s="9">
        <v>-3.3200000000000003</v>
      </c>
      <c r="Q71" s="10">
        <v>-2.7700000000000031</v>
      </c>
    </row>
    <row r="72" spans="1:17" ht="15.75" customHeight="1" x14ac:dyDescent="0.2">
      <c r="A72" s="6"/>
      <c r="B72" s="7" t="s">
        <v>81</v>
      </c>
      <c r="C72" s="22">
        <v>16262</v>
      </c>
      <c r="D72" s="23">
        <v>14995</v>
      </c>
      <c r="E72" s="24">
        <v>31257</v>
      </c>
      <c r="F72" s="22">
        <v>7364</v>
      </c>
      <c r="G72" s="23">
        <v>6788</v>
      </c>
      <c r="H72" s="24">
        <v>14152</v>
      </c>
      <c r="I72" s="22">
        <v>8898</v>
      </c>
      <c r="J72" s="23">
        <v>8207</v>
      </c>
      <c r="K72" s="24">
        <v>17105</v>
      </c>
      <c r="L72" s="25">
        <v>45.28</v>
      </c>
      <c r="M72" s="26">
        <v>45.27</v>
      </c>
      <c r="N72" s="27">
        <v>45.28</v>
      </c>
      <c r="O72" s="8">
        <v>-2.0799999999999983</v>
      </c>
      <c r="P72" s="9">
        <v>-3.1599999999999966</v>
      </c>
      <c r="Q72" s="10">
        <v>-2.5899999999999963</v>
      </c>
    </row>
    <row r="73" spans="1:17" ht="15.75" customHeight="1" thickBot="1" x14ac:dyDescent="0.25">
      <c r="A73" s="14"/>
      <c r="B73" s="15" t="s">
        <v>82</v>
      </c>
      <c r="C73" s="28">
        <v>1182</v>
      </c>
      <c r="D73" s="29">
        <v>1113</v>
      </c>
      <c r="E73" s="30">
        <v>2295</v>
      </c>
      <c r="F73" s="28">
        <v>652</v>
      </c>
      <c r="G73" s="29">
        <v>631</v>
      </c>
      <c r="H73" s="30">
        <v>1283</v>
      </c>
      <c r="I73" s="28">
        <v>530</v>
      </c>
      <c r="J73" s="29">
        <v>482</v>
      </c>
      <c r="K73" s="30">
        <v>1012</v>
      </c>
      <c r="L73" s="31">
        <v>55.16</v>
      </c>
      <c r="M73" s="32">
        <v>56.69</v>
      </c>
      <c r="N73" s="33">
        <v>55.9</v>
      </c>
      <c r="O73" s="16">
        <v>-4.6600000000000037</v>
      </c>
      <c r="P73" s="17">
        <v>-5.1900000000000048</v>
      </c>
      <c r="Q73" s="18">
        <v>-4.9200000000000017</v>
      </c>
    </row>
    <row r="74" spans="1:17" ht="15.75" customHeight="1" thickTop="1" x14ac:dyDescent="0.2">
      <c r="A74" s="45" t="s">
        <v>83</v>
      </c>
      <c r="B74" s="46"/>
      <c r="C74" s="22">
        <v>2480158</v>
      </c>
      <c r="D74" s="23">
        <v>2525201</v>
      </c>
      <c r="E74" s="24">
        <v>5005359</v>
      </c>
      <c r="F74" s="22">
        <v>1372509</v>
      </c>
      <c r="G74" s="23">
        <v>1354292</v>
      </c>
      <c r="H74" s="24">
        <v>2726801</v>
      </c>
      <c r="I74" s="22">
        <v>1107649</v>
      </c>
      <c r="J74" s="23">
        <v>1170909</v>
      </c>
      <c r="K74" s="24">
        <v>2278558</v>
      </c>
      <c r="L74" s="25">
        <v>55.34</v>
      </c>
      <c r="M74" s="26">
        <v>53.63</v>
      </c>
      <c r="N74" s="27">
        <v>54.48</v>
      </c>
      <c r="O74" s="8">
        <v>3.0000000000001137E-2</v>
      </c>
      <c r="P74" s="9">
        <v>-1.3499999999999943</v>
      </c>
      <c r="Q74" s="10">
        <v>-0.66000000000000369</v>
      </c>
    </row>
    <row r="75" spans="1:17" ht="15.75" customHeight="1" x14ac:dyDescent="0.2">
      <c r="A75" s="45" t="s">
        <v>84</v>
      </c>
      <c r="B75" s="46"/>
      <c r="C75" s="22">
        <v>1200582</v>
      </c>
      <c r="D75" s="23">
        <v>1238345</v>
      </c>
      <c r="E75" s="24">
        <v>2438927</v>
      </c>
      <c r="F75" s="22">
        <v>647737</v>
      </c>
      <c r="G75" s="23">
        <v>645074</v>
      </c>
      <c r="H75" s="24">
        <v>1292811</v>
      </c>
      <c r="I75" s="22">
        <v>552845</v>
      </c>
      <c r="J75" s="23">
        <v>593271</v>
      </c>
      <c r="K75" s="24">
        <v>1146116</v>
      </c>
      <c r="L75" s="25">
        <v>53.95</v>
      </c>
      <c r="M75" s="26">
        <v>52.09</v>
      </c>
      <c r="N75" s="27">
        <v>53.01</v>
      </c>
      <c r="O75" s="8">
        <v>0.63000000000000256</v>
      </c>
      <c r="P75" s="9">
        <v>-0.71999999999999886</v>
      </c>
      <c r="Q75" s="10">
        <v>-5.0000000000004263E-2</v>
      </c>
    </row>
    <row r="76" spans="1:17" ht="15.75" customHeight="1" x14ac:dyDescent="0.2">
      <c r="A76" s="45" t="s">
        <v>85</v>
      </c>
      <c r="B76" s="46"/>
      <c r="C76" s="22">
        <v>117505</v>
      </c>
      <c r="D76" s="23">
        <v>122946</v>
      </c>
      <c r="E76" s="24">
        <v>240451</v>
      </c>
      <c r="F76" s="22">
        <v>61180</v>
      </c>
      <c r="G76" s="23">
        <v>61684</v>
      </c>
      <c r="H76" s="24">
        <v>122864</v>
      </c>
      <c r="I76" s="22">
        <v>56325</v>
      </c>
      <c r="J76" s="23">
        <v>61262</v>
      </c>
      <c r="K76" s="24">
        <v>117587</v>
      </c>
      <c r="L76" s="25">
        <v>52.07</v>
      </c>
      <c r="M76" s="26">
        <v>50.17</v>
      </c>
      <c r="N76" s="27">
        <v>51.1</v>
      </c>
      <c r="O76" s="8">
        <v>-2.0399999999999991</v>
      </c>
      <c r="P76" s="9">
        <v>-3.5599999999999952</v>
      </c>
      <c r="Q76" s="10">
        <v>-2.8200000000000003</v>
      </c>
    </row>
    <row r="77" spans="1:17" ht="15.75" customHeight="1" thickBot="1" x14ac:dyDescent="0.25">
      <c r="A77" s="43" t="s">
        <v>86</v>
      </c>
      <c r="B77" s="44"/>
      <c r="C77" s="34">
        <v>3798245</v>
      </c>
      <c r="D77" s="35">
        <v>3886492</v>
      </c>
      <c r="E77" s="36">
        <v>7684737</v>
      </c>
      <c r="F77" s="34">
        <v>2081426</v>
      </c>
      <c r="G77" s="35">
        <v>2061050</v>
      </c>
      <c r="H77" s="36">
        <v>4142476</v>
      </c>
      <c r="I77" s="34">
        <v>1716819</v>
      </c>
      <c r="J77" s="35">
        <v>1825442</v>
      </c>
      <c r="K77" s="36">
        <v>3542261</v>
      </c>
      <c r="L77" s="37">
        <v>54.8</v>
      </c>
      <c r="M77" s="38">
        <v>53.03</v>
      </c>
      <c r="N77" s="39">
        <v>53.91</v>
      </c>
      <c r="O77" s="19">
        <v>0.15999999999999659</v>
      </c>
      <c r="P77" s="20">
        <v>-1.2199999999999989</v>
      </c>
      <c r="Q77" s="21">
        <v>-0.53000000000000114</v>
      </c>
    </row>
  </sheetData>
  <mergeCells count="38">
    <mergeCell ref="A4:B4"/>
    <mergeCell ref="E2:K2"/>
    <mergeCell ref="G3:I3"/>
    <mergeCell ref="A5:B6"/>
    <mergeCell ref="C5:E5"/>
    <mergeCell ref="F5:H5"/>
    <mergeCell ref="I5:K5"/>
    <mergeCell ref="L5:N5"/>
    <mergeCell ref="O5:Q5"/>
    <mergeCell ref="A7:B7"/>
    <mergeCell ref="A26:B26"/>
    <mergeCell ref="A34:B34"/>
    <mergeCell ref="A38:B38"/>
    <mergeCell ref="A39:B39"/>
    <mergeCell ref="A40:B40"/>
    <mergeCell ref="A41:B41"/>
    <mergeCell ref="A42:B42"/>
    <mergeCell ref="A52:B52"/>
    <mergeCell ref="A43:B43"/>
    <mergeCell ref="A44:B44"/>
    <mergeCell ref="A45:B45"/>
    <mergeCell ref="A46:B46"/>
    <mergeCell ref="A47:B47"/>
    <mergeCell ref="A77:B77"/>
    <mergeCell ref="A67:B67"/>
    <mergeCell ref="A71:B71"/>
    <mergeCell ref="A74:B74"/>
    <mergeCell ref="A75:B75"/>
    <mergeCell ref="A76:B76"/>
    <mergeCell ref="A53:B53"/>
    <mergeCell ref="A54:B54"/>
    <mergeCell ref="A56:B56"/>
    <mergeCell ref="A58:B58"/>
    <mergeCell ref="A61:B61"/>
    <mergeCell ref="A48:B48"/>
    <mergeCell ref="A49:B49"/>
    <mergeCell ref="A50:B50"/>
    <mergeCell ref="A51:B51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scale="85" fitToHeight="0" orientation="landscape" r:id="rId1"/>
  <headerFooter alignWithMargins="0">
    <oddFooter xml:space="preserve">&amp;C&amp;"IPAmj明朝,標準"&amp;9
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pageSetUpPr fitToPage="1"/>
  </sheetPr>
  <dimension ref="A1:Q77"/>
  <sheetViews>
    <sheetView tabSelected="1" view="pageBreakPreview" topLeftCell="D57" zoomScaleNormal="100" zoomScaleSheetLayoutView="100" workbookViewId="0">
      <selection activeCell="V14" sqref="V14"/>
    </sheetView>
  </sheetViews>
  <sheetFormatPr defaultColWidth="9" defaultRowHeight="14.4" x14ac:dyDescent="0.2"/>
  <cols>
    <col min="1" max="1" width="2.6640625" style="4" customWidth="1"/>
    <col min="2" max="2" width="18.6640625" style="4" customWidth="1"/>
    <col min="3" max="11" width="11.33203125" style="4" customWidth="1"/>
    <col min="12" max="17" width="7.21875" style="4" customWidth="1"/>
    <col min="18" max="18" width="9" style="4" customWidth="1"/>
    <col min="19" max="16384" width="9" style="4"/>
  </cols>
  <sheetData>
    <row r="1" spans="1:17" ht="15" hidden="1" customHeight="1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2"/>
      <c r="P1" s="2"/>
      <c r="Q1" s="3"/>
    </row>
    <row r="2" spans="1:17" ht="18.75" customHeight="1" x14ac:dyDescent="0.2">
      <c r="A2" s="5" t="s">
        <v>14</v>
      </c>
      <c r="B2" s="5"/>
      <c r="C2" s="1"/>
      <c r="D2" s="1"/>
      <c r="E2" s="48" t="s">
        <v>13</v>
      </c>
      <c r="F2" s="48"/>
      <c r="G2" s="48"/>
      <c r="H2" s="48"/>
      <c r="I2" s="48"/>
      <c r="J2" s="48"/>
      <c r="K2" s="48"/>
      <c r="L2" s="1"/>
      <c r="M2" s="1"/>
      <c r="N2" s="1"/>
      <c r="O2" s="1"/>
      <c r="P2" s="1"/>
      <c r="Q2" s="1"/>
    </row>
    <row r="3" spans="1:17" ht="15" customHeight="1" x14ac:dyDescent="0.2">
      <c r="A3" s="1"/>
      <c r="B3" s="1" t="s">
        <v>15</v>
      </c>
      <c r="C3" s="1"/>
      <c r="D3" s="1"/>
      <c r="E3" s="1"/>
      <c r="F3" s="1"/>
      <c r="G3" s="49" t="s">
        <v>0</v>
      </c>
      <c r="H3" s="49"/>
      <c r="I3" s="49"/>
      <c r="J3" s="1"/>
      <c r="K3" s="1"/>
      <c r="L3" s="1"/>
      <c r="M3" s="1"/>
      <c r="N3" s="1"/>
      <c r="O3" s="1"/>
      <c r="P3" s="1"/>
      <c r="Q3" s="3"/>
    </row>
    <row r="4" spans="1:17" ht="15" customHeight="1" thickBot="1" x14ac:dyDescent="0.25">
      <c r="A4" s="47" t="s">
        <v>12</v>
      </c>
      <c r="B4" s="47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3"/>
    </row>
    <row r="5" spans="1:17" ht="15.75" customHeight="1" x14ac:dyDescent="0.2">
      <c r="A5" s="50" t="s">
        <v>1</v>
      </c>
      <c r="B5" s="51"/>
      <c r="C5" s="40" t="s">
        <v>2</v>
      </c>
      <c r="D5" s="41"/>
      <c r="E5" s="42"/>
      <c r="F5" s="40" t="s">
        <v>3</v>
      </c>
      <c r="G5" s="41"/>
      <c r="H5" s="42"/>
      <c r="I5" s="40" t="s">
        <v>4</v>
      </c>
      <c r="J5" s="41"/>
      <c r="K5" s="42"/>
      <c r="L5" s="40" t="s">
        <v>5</v>
      </c>
      <c r="M5" s="41"/>
      <c r="N5" s="42"/>
      <c r="O5" s="40" t="s">
        <v>6</v>
      </c>
      <c r="P5" s="41"/>
      <c r="Q5" s="42"/>
    </row>
    <row r="6" spans="1:17" ht="15.75" customHeight="1" thickBot="1" x14ac:dyDescent="0.25">
      <c r="A6" s="52"/>
      <c r="B6" s="53"/>
      <c r="C6" s="11" t="s">
        <v>7</v>
      </c>
      <c r="D6" s="12" t="s">
        <v>8</v>
      </c>
      <c r="E6" s="13" t="s">
        <v>9</v>
      </c>
      <c r="F6" s="11" t="s">
        <v>7</v>
      </c>
      <c r="G6" s="12" t="s">
        <v>8</v>
      </c>
      <c r="H6" s="13" t="s">
        <v>9</v>
      </c>
      <c r="I6" s="11" t="s">
        <v>7</v>
      </c>
      <c r="J6" s="12" t="s">
        <v>8</v>
      </c>
      <c r="K6" s="13" t="s">
        <v>9</v>
      </c>
      <c r="L6" s="11" t="s">
        <v>7</v>
      </c>
      <c r="M6" s="12" t="s">
        <v>8</v>
      </c>
      <c r="N6" s="13" t="s">
        <v>9</v>
      </c>
      <c r="O6" s="11" t="s">
        <v>7</v>
      </c>
      <c r="P6" s="12" t="s">
        <v>8</v>
      </c>
      <c r="Q6" s="13" t="s">
        <v>9</v>
      </c>
    </row>
    <row r="7" spans="1:17" ht="15.75" customHeight="1" thickTop="1" x14ac:dyDescent="0.2">
      <c r="A7" s="45" t="s">
        <v>16</v>
      </c>
      <c r="B7" s="46"/>
      <c r="C7" s="22">
        <v>2183</v>
      </c>
      <c r="D7" s="23">
        <v>2809</v>
      </c>
      <c r="E7" s="24">
        <v>4992</v>
      </c>
      <c r="F7" s="22">
        <v>712</v>
      </c>
      <c r="G7" s="23">
        <v>731</v>
      </c>
      <c r="H7" s="24">
        <v>1443</v>
      </c>
      <c r="I7" s="22">
        <v>1471</v>
      </c>
      <c r="J7" s="23">
        <v>2078</v>
      </c>
      <c r="K7" s="24">
        <v>3549</v>
      </c>
      <c r="L7" s="25">
        <v>32.619999999999997</v>
      </c>
      <c r="M7" s="26">
        <v>26.02</v>
      </c>
      <c r="N7" s="27">
        <v>28.91</v>
      </c>
      <c r="O7" s="8">
        <v>9.4999999999999964</v>
      </c>
      <c r="P7" s="9">
        <v>10.75</v>
      </c>
      <c r="Q7" s="10">
        <v>10.16</v>
      </c>
    </row>
    <row r="8" spans="1:17" ht="15.75" customHeight="1" x14ac:dyDescent="0.2">
      <c r="A8" s="6"/>
      <c r="B8" s="7" t="s">
        <v>17</v>
      </c>
      <c r="C8" s="22">
        <v>148</v>
      </c>
      <c r="D8" s="23">
        <v>178</v>
      </c>
      <c r="E8" s="24">
        <v>326</v>
      </c>
      <c r="F8" s="22">
        <v>26</v>
      </c>
      <c r="G8" s="23">
        <v>40</v>
      </c>
      <c r="H8" s="24">
        <v>66</v>
      </c>
      <c r="I8" s="22">
        <v>122</v>
      </c>
      <c r="J8" s="23">
        <v>138</v>
      </c>
      <c r="K8" s="24">
        <v>260</v>
      </c>
      <c r="L8" s="25">
        <v>17.57</v>
      </c>
      <c r="M8" s="26">
        <v>22.47</v>
      </c>
      <c r="N8" s="27">
        <v>20.25</v>
      </c>
      <c r="O8" s="8">
        <v>4.8900000000000006</v>
      </c>
      <c r="P8" s="9">
        <v>9.0899999999999981</v>
      </c>
      <c r="Q8" s="10">
        <v>7.2100000000000009</v>
      </c>
    </row>
    <row r="9" spans="1:17" ht="15.75" customHeight="1" x14ac:dyDescent="0.2">
      <c r="A9" s="6"/>
      <c r="B9" s="7" t="s">
        <v>18</v>
      </c>
      <c r="C9" s="22">
        <v>156</v>
      </c>
      <c r="D9" s="23">
        <v>168</v>
      </c>
      <c r="E9" s="24">
        <v>324</v>
      </c>
      <c r="F9" s="22">
        <v>52</v>
      </c>
      <c r="G9" s="23">
        <v>51</v>
      </c>
      <c r="H9" s="24">
        <v>103</v>
      </c>
      <c r="I9" s="22">
        <v>104</v>
      </c>
      <c r="J9" s="23">
        <v>117</v>
      </c>
      <c r="K9" s="24">
        <v>221</v>
      </c>
      <c r="L9" s="25">
        <v>33.33</v>
      </c>
      <c r="M9" s="26">
        <v>30.36</v>
      </c>
      <c r="N9" s="27">
        <v>31.79</v>
      </c>
      <c r="O9" s="8">
        <v>12.2</v>
      </c>
      <c r="P9" s="9">
        <v>16.36</v>
      </c>
      <c r="Q9" s="10">
        <v>14.32</v>
      </c>
    </row>
    <row r="10" spans="1:17" ht="15.75" customHeight="1" x14ac:dyDescent="0.2">
      <c r="A10" s="6"/>
      <c r="B10" s="7" t="s">
        <v>19</v>
      </c>
      <c r="C10" s="22">
        <v>68</v>
      </c>
      <c r="D10" s="23">
        <v>84</v>
      </c>
      <c r="E10" s="24">
        <v>152</v>
      </c>
      <c r="F10" s="22">
        <v>22</v>
      </c>
      <c r="G10" s="23">
        <v>23</v>
      </c>
      <c r="H10" s="24">
        <v>45</v>
      </c>
      <c r="I10" s="22">
        <v>46</v>
      </c>
      <c r="J10" s="23">
        <v>61</v>
      </c>
      <c r="K10" s="24">
        <v>107</v>
      </c>
      <c r="L10" s="25">
        <v>32.35</v>
      </c>
      <c r="M10" s="26">
        <v>27.38</v>
      </c>
      <c r="N10" s="27">
        <v>29.61</v>
      </c>
      <c r="O10" s="8">
        <v>9.4000000000000021</v>
      </c>
      <c r="P10" s="9">
        <v>13.28</v>
      </c>
      <c r="Q10" s="10">
        <v>11.620000000000001</v>
      </c>
    </row>
    <row r="11" spans="1:17" ht="15.75" customHeight="1" x14ac:dyDescent="0.2">
      <c r="A11" s="6"/>
      <c r="B11" s="7" t="s">
        <v>20</v>
      </c>
      <c r="C11" s="22">
        <v>126</v>
      </c>
      <c r="D11" s="23">
        <v>180</v>
      </c>
      <c r="E11" s="24">
        <v>306</v>
      </c>
      <c r="F11" s="22">
        <v>42</v>
      </c>
      <c r="G11" s="23">
        <v>43</v>
      </c>
      <c r="H11" s="24">
        <v>85</v>
      </c>
      <c r="I11" s="22">
        <v>84</v>
      </c>
      <c r="J11" s="23">
        <v>137</v>
      </c>
      <c r="K11" s="24">
        <v>221</v>
      </c>
      <c r="L11" s="25">
        <v>33.33</v>
      </c>
      <c r="M11" s="26">
        <v>23.89</v>
      </c>
      <c r="N11" s="27">
        <v>27.78</v>
      </c>
      <c r="O11" s="8">
        <v>13.329999999999998</v>
      </c>
      <c r="P11" s="9">
        <v>9.01</v>
      </c>
      <c r="Q11" s="10">
        <v>10.870000000000001</v>
      </c>
    </row>
    <row r="12" spans="1:17" ht="15.75" customHeight="1" x14ac:dyDescent="0.2">
      <c r="A12" s="6"/>
      <c r="B12" s="7" t="s">
        <v>21</v>
      </c>
      <c r="C12" s="22">
        <v>69</v>
      </c>
      <c r="D12" s="23">
        <v>102</v>
      </c>
      <c r="E12" s="24">
        <v>171</v>
      </c>
      <c r="F12" s="22">
        <v>16</v>
      </c>
      <c r="G12" s="23">
        <v>17</v>
      </c>
      <c r="H12" s="24">
        <v>33</v>
      </c>
      <c r="I12" s="22">
        <v>53</v>
      </c>
      <c r="J12" s="23">
        <v>85</v>
      </c>
      <c r="K12" s="24">
        <v>138</v>
      </c>
      <c r="L12" s="25">
        <v>23.19</v>
      </c>
      <c r="M12" s="26">
        <v>16.670000000000002</v>
      </c>
      <c r="N12" s="27">
        <v>19.3</v>
      </c>
      <c r="O12" s="8">
        <v>1.9800000000000004</v>
      </c>
      <c r="P12" s="9">
        <v>2.8100000000000023</v>
      </c>
      <c r="Q12" s="10">
        <v>2.5300000000000011</v>
      </c>
    </row>
    <row r="13" spans="1:17" ht="15.75" customHeight="1" x14ac:dyDescent="0.2">
      <c r="A13" s="6"/>
      <c r="B13" s="7" t="s">
        <v>22</v>
      </c>
      <c r="C13" s="22">
        <v>98</v>
      </c>
      <c r="D13" s="23">
        <v>116</v>
      </c>
      <c r="E13" s="24">
        <v>214</v>
      </c>
      <c r="F13" s="22">
        <v>29</v>
      </c>
      <c r="G13" s="23">
        <v>25</v>
      </c>
      <c r="H13" s="24">
        <v>54</v>
      </c>
      <c r="I13" s="22">
        <v>69</v>
      </c>
      <c r="J13" s="23">
        <v>91</v>
      </c>
      <c r="K13" s="24">
        <v>160</v>
      </c>
      <c r="L13" s="25">
        <v>29.59</v>
      </c>
      <c r="M13" s="26">
        <v>21.55</v>
      </c>
      <c r="N13" s="27">
        <v>25.23</v>
      </c>
      <c r="O13" s="8">
        <v>10.84</v>
      </c>
      <c r="P13" s="9">
        <v>12.120000000000001</v>
      </c>
      <c r="Q13" s="10">
        <v>11.370000000000001</v>
      </c>
    </row>
    <row r="14" spans="1:17" ht="15.75" customHeight="1" x14ac:dyDescent="0.2">
      <c r="A14" s="6"/>
      <c r="B14" s="7" t="s">
        <v>23</v>
      </c>
      <c r="C14" s="22">
        <v>70</v>
      </c>
      <c r="D14" s="23">
        <v>133</v>
      </c>
      <c r="E14" s="24">
        <v>203</v>
      </c>
      <c r="F14" s="22">
        <v>20</v>
      </c>
      <c r="G14" s="23">
        <v>30</v>
      </c>
      <c r="H14" s="24">
        <v>50</v>
      </c>
      <c r="I14" s="22">
        <v>50</v>
      </c>
      <c r="J14" s="23">
        <v>103</v>
      </c>
      <c r="K14" s="24">
        <v>153</v>
      </c>
      <c r="L14" s="25">
        <v>28.57</v>
      </c>
      <c r="M14" s="26">
        <v>22.56</v>
      </c>
      <c r="N14" s="27">
        <v>24.63</v>
      </c>
      <c r="O14" s="8">
        <v>8.8999999999999986</v>
      </c>
      <c r="P14" s="9">
        <v>9.5999999999999979</v>
      </c>
      <c r="Q14" s="10">
        <v>9.2499999999999982</v>
      </c>
    </row>
    <row r="15" spans="1:17" ht="15.75" customHeight="1" x14ac:dyDescent="0.2">
      <c r="A15" s="6"/>
      <c r="B15" s="7" t="s">
        <v>24</v>
      </c>
      <c r="C15" s="22">
        <v>128</v>
      </c>
      <c r="D15" s="23">
        <v>178</v>
      </c>
      <c r="E15" s="24">
        <v>306</v>
      </c>
      <c r="F15" s="22">
        <v>33</v>
      </c>
      <c r="G15" s="23">
        <v>35</v>
      </c>
      <c r="H15" s="24">
        <v>68</v>
      </c>
      <c r="I15" s="22">
        <v>95</v>
      </c>
      <c r="J15" s="23">
        <v>143</v>
      </c>
      <c r="K15" s="24">
        <v>238</v>
      </c>
      <c r="L15" s="25">
        <v>25.78</v>
      </c>
      <c r="M15" s="26">
        <v>19.66</v>
      </c>
      <c r="N15" s="27">
        <v>22.22</v>
      </c>
      <c r="O15" s="8">
        <v>5.4700000000000024</v>
      </c>
      <c r="P15" s="9">
        <v>4.2300000000000004</v>
      </c>
      <c r="Q15" s="10">
        <v>4.629999999999999</v>
      </c>
    </row>
    <row r="16" spans="1:17" ht="15.75" customHeight="1" x14ac:dyDescent="0.2">
      <c r="A16" s="6"/>
      <c r="B16" s="7" t="s">
        <v>25</v>
      </c>
      <c r="C16" s="22">
        <v>285</v>
      </c>
      <c r="D16" s="23">
        <v>334</v>
      </c>
      <c r="E16" s="24">
        <v>619</v>
      </c>
      <c r="F16" s="22">
        <v>108</v>
      </c>
      <c r="G16" s="23">
        <v>97</v>
      </c>
      <c r="H16" s="24">
        <v>205</v>
      </c>
      <c r="I16" s="22">
        <v>177</v>
      </c>
      <c r="J16" s="23">
        <v>237</v>
      </c>
      <c r="K16" s="24">
        <v>414</v>
      </c>
      <c r="L16" s="25">
        <v>37.89</v>
      </c>
      <c r="M16" s="26">
        <v>29.04</v>
      </c>
      <c r="N16" s="27">
        <v>33.119999999999997</v>
      </c>
      <c r="O16" s="8">
        <v>9.370000000000001</v>
      </c>
      <c r="P16" s="9">
        <v>14.559999999999999</v>
      </c>
      <c r="Q16" s="10">
        <v>11.779999999999998</v>
      </c>
    </row>
    <row r="17" spans="1:17" ht="15.75" customHeight="1" x14ac:dyDescent="0.2">
      <c r="A17" s="6"/>
      <c r="B17" s="7" t="s">
        <v>26</v>
      </c>
      <c r="C17" s="22">
        <v>158</v>
      </c>
      <c r="D17" s="23">
        <v>177</v>
      </c>
      <c r="E17" s="24">
        <v>335</v>
      </c>
      <c r="F17" s="22">
        <v>60</v>
      </c>
      <c r="G17" s="23">
        <v>54</v>
      </c>
      <c r="H17" s="24">
        <v>114</v>
      </c>
      <c r="I17" s="22">
        <v>98</v>
      </c>
      <c r="J17" s="23">
        <v>123</v>
      </c>
      <c r="K17" s="24">
        <v>221</v>
      </c>
      <c r="L17" s="25">
        <v>37.97</v>
      </c>
      <c r="M17" s="26">
        <v>30.51</v>
      </c>
      <c r="N17" s="27">
        <v>34.03</v>
      </c>
      <c r="O17" s="8">
        <v>15.59</v>
      </c>
      <c r="P17" s="9">
        <v>13.09</v>
      </c>
      <c r="Q17" s="10">
        <v>14.23</v>
      </c>
    </row>
    <row r="18" spans="1:17" ht="15.75" customHeight="1" x14ac:dyDescent="0.2">
      <c r="A18" s="6"/>
      <c r="B18" s="7" t="s">
        <v>27</v>
      </c>
      <c r="C18" s="22">
        <v>109</v>
      </c>
      <c r="D18" s="23">
        <v>142</v>
      </c>
      <c r="E18" s="24">
        <v>251</v>
      </c>
      <c r="F18" s="22">
        <v>38</v>
      </c>
      <c r="G18" s="23">
        <v>40</v>
      </c>
      <c r="H18" s="24">
        <v>78</v>
      </c>
      <c r="I18" s="22">
        <v>71</v>
      </c>
      <c r="J18" s="23">
        <v>102</v>
      </c>
      <c r="K18" s="24">
        <v>173</v>
      </c>
      <c r="L18" s="25">
        <v>34.86</v>
      </c>
      <c r="M18" s="26">
        <v>28.17</v>
      </c>
      <c r="N18" s="27">
        <v>31.08</v>
      </c>
      <c r="O18" s="8">
        <v>4.75</v>
      </c>
      <c r="P18" s="9">
        <v>11.630000000000003</v>
      </c>
      <c r="Q18" s="10">
        <v>8.9599999999999973</v>
      </c>
    </row>
    <row r="19" spans="1:17" ht="15.75" customHeight="1" x14ac:dyDescent="0.2">
      <c r="A19" s="6"/>
      <c r="B19" s="7" t="s">
        <v>28</v>
      </c>
      <c r="C19" s="22">
        <v>91</v>
      </c>
      <c r="D19" s="23">
        <v>152</v>
      </c>
      <c r="E19" s="24">
        <v>243</v>
      </c>
      <c r="F19" s="22">
        <v>30</v>
      </c>
      <c r="G19" s="23">
        <v>36</v>
      </c>
      <c r="H19" s="24">
        <v>66</v>
      </c>
      <c r="I19" s="22">
        <v>61</v>
      </c>
      <c r="J19" s="23">
        <v>116</v>
      </c>
      <c r="K19" s="24">
        <v>177</v>
      </c>
      <c r="L19" s="25">
        <v>32.97</v>
      </c>
      <c r="M19" s="26">
        <v>23.68</v>
      </c>
      <c r="N19" s="27">
        <v>27.16</v>
      </c>
      <c r="O19" s="8">
        <v>5.0599999999999987</v>
      </c>
      <c r="P19" s="9">
        <v>9.39</v>
      </c>
      <c r="Q19" s="10">
        <v>7.6900000000000013</v>
      </c>
    </row>
    <row r="20" spans="1:17" ht="15.75" customHeight="1" x14ac:dyDescent="0.2">
      <c r="A20" s="6"/>
      <c r="B20" s="7" t="s">
        <v>29</v>
      </c>
      <c r="C20" s="22">
        <v>86</v>
      </c>
      <c r="D20" s="23">
        <v>119</v>
      </c>
      <c r="E20" s="24">
        <v>205</v>
      </c>
      <c r="F20" s="22">
        <v>30</v>
      </c>
      <c r="G20" s="23">
        <v>26</v>
      </c>
      <c r="H20" s="24">
        <v>56</v>
      </c>
      <c r="I20" s="22">
        <v>56</v>
      </c>
      <c r="J20" s="23">
        <v>93</v>
      </c>
      <c r="K20" s="24">
        <v>149</v>
      </c>
      <c r="L20" s="25">
        <v>34.880000000000003</v>
      </c>
      <c r="M20" s="26">
        <v>21.85</v>
      </c>
      <c r="N20" s="27">
        <v>27.32</v>
      </c>
      <c r="O20" s="8">
        <v>10.880000000000003</v>
      </c>
      <c r="P20" s="9">
        <v>4.8900000000000006</v>
      </c>
      <c r="Q20" s="10">
        <v>7.5300000000000011</v>
      </c>
    </row>
    <row r="21" spans="1:17" ht="15.75" customHeight="1" x14ac:dyDescent="0.2">
      <c r="A21" s="6"/>
      <c r="B21" s="7" t="s">
        <v>30</v>
      </c>
      <c r="C21" s="22">
        <v>37</v>
      </c>
      <c r="D21" s="23">
        <v>60</v>
      </c>
      <c r="E21" s="24">
        <v>97</v>
      </c>
      <c r="F21" s="22">
        <v>14</v>
      </c>
      <c r="G21" s="23">
        <v>13</v>
      </c>
      <c r="H21" s="24">
        <v>27</v>
      </c>
      <c r="I21" s="22">
        <v>23</v>
      </c>
      <c r="J21" s="23">
        <v>47</v>
      </c>
      <c r="K21" s="24">
        <v>70</v>
      </c>
      <c r="L21" s="25">
        <v>37.840000000000003</v>
      </c>
      <c r="M21" s="26">
        <v>21.67</v>
      </c>
      <c r="N21" s="27">
        <v>27.84</v>
      </c>
      <c r="O21" s="8">
        <v>15.960000000000004</v>
      </c>
      <c r="P21" s="9">
        <v>12.050000000000002</v>
      </c>
      <c r="Q21" s="10">
        <v>13.55</v>
      </c>
    </row>
    <row r="22" spans="1:17" ht="15.75" customHeight="1" x14ac:dyDescent="0.2">
      <c r="A22" s="6"/>
      <c r="B22" s="7" t="s">
        <v>31</v>
      </c>
      <c r="C22" s="22">
        <v>80</v>
      </c>
      <c r="D22" s="23">
        <v>111</v>
      </c>
      <c r="E22" s="24">
        <v>191</v>
      </c>
      <c r="F22" s="22">
        <v>29</v>
      </c>
      <c r="G22" s="23">
        <v>27</v>
      </c>
      <c r="H22" s="24">
        <v>56</v>
      </c>
      <c r="I22" s="22">
        <v>51</v>
      </c>
      <c r="J22" s="23">
        <v>84</v>
      </c>
      <c r="K22" s="24">
        <v>135</v>
      </c>
      <c r="L22" s="25">
        <v>36.25</v>
      </c>
      <c r="M22" s="26">
        <v>24.32</v>
      </c>
      <c r="N22" s="27">
        <v>29.32</v>
      </c>
      <c r="O22" s="8">
        <v>13.71</v>
      </c>
      <c r="P22" s="9">
        <v>10.73</v>
      </c>
      <c r="Q22" s="10">
        <v>12.080000000000002</v>
      </c>
    </row>
    <row r="23" spans="1:17" ht="15.75" customHeight="1" x14ac:dyDescent="0.2">
      <c r="A23" s="6"/>
      <c r="B23" s="7" t="s">
        <v>32</v>
      </c>
      <c r="C23" s="22">
        <v>58</v>
      </c>
      <c r="D23" s="23">
        <v>78</v>
      </c>
      <c r="E23" s="24">
        <v>136</v>
      </c>
      <c r="F23" s="22">
        <v>18</v>
      </c>
      <c r="G23" s="23">
        <v>17</v>
      </c>
      <c r="H23" s="24">
        <v>35</v>
      </c>
      <c r="I23" s="22">
        <v>40</v>
      </c>
      <c r="J23" s="23">
        <v>61</v>
      </c>
      <c r="K23" s="24">
        <v>101</v>
      </c>
      <c r="L23" s="25">
        <v>31.03</v>
      </c>
      <c r="M23" s="26">
        <v>21.79</v>
      </c>
      <c r="N23" s="27">
        <v>25.74</v>
      </c>
      <c r="O23" s="8">
        <v>21.03</v>
      </c>
      <c r="P23" s="9">
        <v>3.7300000000000004</v>
      </c>
      <c r="Q23" s="10">
        <v>10.989999999999998</v>
      </c>
    </row>
    <row r="24" spans="1:17" ht="15.75" customHeight="1" x14ac:dyDescent="0.2">
      <c r="A24" s="6"/>
      <c r="B24" s="7" t="s">
        <v>33</v>
      </c>
      <c r="C24" s="22">
        <v>284</v>
      </c>
      <c r="D24" s="23">
        <v>316</v>
      </c>
      <c r="E24" s="24">
        <v>600</v>
      </c>
      <c r="F24" s="22">
        <v>95</v>
      </c>
      <c r="G24" s="23">
        <v>89</v>
      </c>
      <c r="H24" s="24">
        <v>184</v>
      </c>
      <c r="I24" s="22">
        <v>189</v>
      </c>
      <c r="J24" s="23">
        <v>227</v>
      </c>
      <c r="K24" s="24">
        <v>416</v>
      </c>
      <c r="L24" s="25">
        <v>33.450000000000003</v>
      </c>
      <c r="M24" s="26">
        <v>28.16</v>
      </c>
      <c r="N24" s="27">
        <v>30.67</v>
      </c>
      <c r="O24" s="8">
        <v>7.8500000000000014</v>
      </c>
      <c r="P24" s="9">
        <v>12.2</v>
      </c>
      <c r="Q24" s="10">
        <v>10.180000000000003</v>
      </c>
    </row>
    <row r="25" spans="1:17" ht="15.75" customHeight="1" x14ac:dyDescent="0.2">
      <c r="A25" s="6"/>
      <c r="B25" s="7" t="s">
        <v>34</v>
      </c>
      <c r="C25" s="22">
        <v>132</v>
      </c>
      <c r="D25" s="23">
        <v>181</v>
      </c>
      <c r="E25" s="24">
        <v>313</v>
      </c>
      <c r="F25" s="22">
        <v>50</v>
      </c>
      <c r="G25" s="23">
        <v>68</v>
      </c>
      <c r="H25" s="24">
        <v>118</v>
      </c>
      <c r="I25" s="22">
        <v>82</v>
      </c>
      <c r="J25" s="23">
        <v>113</v>
      </c>
      <c r="K25" s="24">
        <v>195</v>
      </c>
      <c r="L25" s="25">
        <v>37.880000000000003</v>
      </c>
      <c r="M25" s="26">
        <v>37.57</v>
      </c>
      <c r="N25" s="27">
        <v>37.700000000000003</v>
      </c>
      <c r="O25" s="8">
        <v>8.5100000000000016</v>
      </c>
      <c r="P25" s="9">
        <v>12.91</v>
      </c>
      <c r="Q25" s="10">
        <v>10.860000000000003</v>
      </c>
    </row>
    <row r="26" spans="1:17" ht="15.75" customHeight="1" x14ac:dyDescent="0.2">
      <c r="A26" s="45" t="s">
        <v>35</v>
      </c>
      <c r="B26" s="46"/>
      <c r="C26" s="22">
        <v>1282</v>
      </c>
      <c r="D26" s="23">
        <v>1304</v>
      </c>
      <c r="E26" s="24">
        <v>2586</v>
      </c>
      <c r="F26" s="22">
        <v>388</v>
      </c>
      <c r="G26" s="23">
        <v>353</v>
      </c>
      <c r="H26" s="24">
        <v>741</v>
      </c>
      <c r="I26" s="22">
        <v>894</v>
      </c>
      <c r="J26" s="23">
        <v>951</v>
      </c>
      <c r="K26" s="24">
        <v>1845</v>
      </c>
      <c r="L26" s="25">
        <v>30.27</v>
      </c>
      <c r="M26" s="26">
        <v>27.07</v>
      </c>
      <c r="N26" s="27">
        <v>28.65</v>
      </c>
      <c r="O26" s="8">
        <v>8.8499999999999979</v>
      </c>
      <c r="P26" s="9">
        <v>8.57</v>
      </c>
      <c r="Q26" s="10">
        <v>8.6699999999999982</v>
      </c>
    </row>
    <row r="27" spans="1:17" ht="15.75" customHeight="1" x14ac:dyDescent="0.2">
      <c r="A27" s="6"/>
      <c r="B27" s="7" t="s">
        <v>36</v>
      </c>
      <c r="C27" s="22">
        <v>89</v>
      </c>
      <c r="D27" s="23">
        <v>109</v>
      </c>
      <c r="E27" s="24">
        <v>198</v>
      </c>
      <c r="F27" s="22">
        <v>17</v>
      </c>
      <c r="G27" s="23">
        <v>22</v>
      </c>
      <c r="H27" s="24">
        <v>39</v>
      </c>
      <c r="I27" s="22">
        <v>72</v>
      </c>
      <c r="J27" s="23">
        <v>87</v>
      </c>
      <c r="K27" s="24">
        <v>159</v>
      </c>
      <c r="L27" s="25">
        <v>19.100000000000001</v>
      </c>
      <c r="M27" s="26">
        <v>20.18</v>
      </c>
      <c r="N27" s="27">
        <v>19.7</v>
      </c>
      <c r="O27" s="8">
        <v>7.6100000000000012</v>
      </c>
      <c r="P27" s="9">
        <v>6.16</v>
      </c>
      <c r="Q27" s="10">
        <v>6.8099999999999987</v>
      </c>
    </row>
    <row r="28" spans="1:17" ht="15.75" customHeight="1" x14ac:dyDescent="0.2">
      <c r="A28" s="6"/>
      <c r="B28" s="7" t="s">
        <v>37</v>
      </c>
      <c r="C28" s="22">
        <v>122</v>
      </c>
      <c r="D28" s="23">
        <v>109</v>
      </c>
      <c r="E28" s="24">
        <v>231</v>
      </c>
      <c r="F28" s="22">
        <v>38</v>
      </c>
      <c r="G28" s="23">
        <v>29</v>
      </c>
      <c r="H28" s="24">
        <v>67</v>
      </c>
      <c r="I28" s="22">
        <v>84</v>
      </c>
      <c r="J28" s="23">
        <v>80</v>
      </c>
      <c r="K28" s="24">
        <v>164</v>
      </c>
      <c r="L28" s="25">
        <v>31.15</v>
      </c>
      <c r="M28" s="26">
        <v>26.61</v>
      </c>
      <c r="N28" s="27">
        <v>29</v>
      </c>
      <c r="O28" s="8">
        <v>10.43</v>
      </c>
      <c r="P28" s="9">
        <v>8.43</v>
      </c>
      <c r="Q28" s="10">
        <v>9.48</v>
      </c>
    </row>
    <row r="29" spans="1:17" ht="15.75" customHeight="1" x14ac:dyDescent="0.2">
      <c r="A29" s="6"/>
      <c r="B29" s="7" t="s">
        <v>38</v>
      </c>
      <c r="C29" s="22">
        <v>318</v>
      </c>
      <c r="D29" s="23">
        <v>294</v>
      </c>
      <c r="E29" s="24">
        <v>612</v>
      </c>
      <c r="F29" s="22">
        <v>110</v>
      </c>
      <c r="G29" s="23">
        <v>92</v>
      </c>
      <c r="H29" s="24">
        <v>202</v>
      </c>
      <c r="I29" s="22">
        <v>208</v>
      </c>
      <c r="J29" s="23">
        <v>202</v>
      </c>
      <c r="K29" s="24">
        <v>410</v>
      </c>
      <c r="L29" s="25">
        <v>34.590000000000003</v>
      </c>
      <c r="M29" s="26">
        <v>31.29</v>
      </c>
      <c r="N29" s="27">
        <v>33.01</v>
      </c>
      <c r="O29" s="8">
        <v>7.7700000000000031</v>
      </c>
      <c r="P29" s="9">
        <v>8.98</v>
      </c>
      <c r="Q29" s="10">
        <v>8.2799999999999976</v>
      </c>
    </row>
    <row r="30" spans="1:17" ht="15.75" customHeight="1" x14ac:dyDescent="0.2">
      <c r="A30" s="6"/>
      <c r="B30" s="7" t="s">
        <v>39</v>
      </c>
      <c r="C30" s="22">
        <v>196</v>
      </c>
      <c r="D30" s="23">
        <v>177</v>
      </c>
      <c r="E30" s="24">
        <v>373</v>
      </c>
      <c r="F30" s="22">
        <v>51</v>
      </c>
      <c r="G30" s="23">
        <v>36</v>
      </c>
      <c r="H30" s="24">
        <v>87</v>
      </c>
      <c r="I30" s="22">
        <v>145</v>
      </c>
      <c r="J30" s="23">
        <v>141</v>
      </c>
      <c r="K30" s="24">
        <v>286</v>
      </c>
      <c r="L30" s="25">
        <v>26.02</v>
      </c>
      <c r="M30" s="26">
        <v>20.34</v>
      </c>
      <c r="N30" s="27">
        <v>23.32</v>
      </c>
      <c r="O30" s="8">
        <v>6.8299999999999983</v>
      </c>
      <c r="P30" s="9">
        <v>8</v>
      </c>
      <c r="Q30" s="10">
        <v>7.370000000000001</v>
      </c>
    </row>
    <row r="31" spans="1:17" ht="15.75" customHeight="1" x14ac:dyDescent="0.2">
      <c r="A31" s="6"/>
      <c r="B31" s="7" t="s">
        <v>40</v>
      </c>
      <c r="C31" s="22">
        <v>144</v>
      </c>
      <c r="D31" s="23">
        <v>184</v>
      </c>
      <c r="E31" s="24">
        <v>328</v>
      </c>
      <c r="F31" s="22">
        <v>33</v>
      </c>
      <c r="G31" s="23">
        <v>53</v>
      </c>
      <c r="H31" s="24">
        <v>86</v>
      </c>
      <c r="I31" s="22">
        <v>111</v>
      </c>
      <c r="J31" s="23">
        <v>131</v>
      </c>
      <c r="K31" s="24">
        <v>242</v>
      </c>
      <c r="L31" s="25">
        <v>22.92</v>
      </c>
      <c r="M31" s="26">
        <v>28.8</v>
      </c>
      <c r="N31" s="27">
        <v>26.22</v>
      </c>
      <c r="O31" s="8">
        <v>2.6400000000000006</v>
      </c>
      <c r="P31" s="9">
        <v>12.030000000000001</v>
      </c>
      <c r="Q31" s="10">
        <v>7.7999999999999972</v>
      </c>
    </row>
    <row r="32" spans="1:17" ht="15.75" customHeight="1" x14ac:dyDescent="0.2">
      <c r="A32" s="6"/>
      <c r="B32" s="7" t="s">
        <v>41</v>
      </c>
      <c r="C32" s="22">
        <v>252</v>
      </c>
      <c r="D32" s="23">
        <v>233</v>
      </c>
      <c r="E32" s="24">
        <v>485</v>
      </c>
      <c r="F32" s="22">
        <v>85</v>
      </c>
      <c r="G32" s="23">
        <v>67</v>
      </c>
      <c r="H32" s="24">
        <v>152</v>
      </c>
      <c r="I32" s="22">
        <v>167</v>
      </c>
      <c r="J32" s="23">
        <v>166</v>
      </c>
      <c r="K32" s="24">
        <v>333</v>
      </c>
      <c r="L32" s="25">
        <v>33.729999999999997</v>
      </c>
      <c r="M32" s="26">
        <v>28.76</v>
      </c>
      <c r="N32" s="27">
        <v>31.34</v>
      </c>
      <c r="O32" s="8">
        <v>14.069999999999997</v>
      </c>
      <c r="P32" s="9">
        <v>8.7600000000000016</v>
      </c>
      <c r="Q32" s="10">
        <v>11.530000000000001</v>
      </c>
    </row>
    <row r="33" spans="1:17" ht="15.75" customHeight="1" x14ac:dyDescent="0.2">
      <c r="A33" s="6"/>
      <c r="B33" s="7" t="s">
        <v>42</v>
      </c>
      <c r="C33" s="22">
        <v>161</v>
      </c>
      <c r="D33" s="23">
        <v>198</v>
      </c>
      <c r="E33" s="24">
        <v>359</v>
      </c>
      <c r="F33" s="22">
        <v>54</v>
      </c>
      <c r="G33" s="23">
        <v>54</v>
      </c>
      <c r="H33" s="24">
        <v>108</v>
      </c>
      <c r="I33" s="22">
        <v>107</v>
      </c>
      <c r="J33" s="23">
        <v>144</v>
      </c>
      <c r="K33" s="24">
        <v>251</v>
      </c>
      <c r="L33" s="25">
        <v>33.54</v>
      </c>
      <c r="M33" s="26">
        <v>27.27</v>
      </c>
      <c r="N33" s="27">
        <v>30.08</v>
      </c>
      <c r="O33" s="8">
        <v>10.36</v>
      </c>
      <c r="P33" s="9">
        <v>6.2800000000000011</v>
      </c>
      <c r="Q33" s="10">
        <v>8.09</v>
      </c>
    </row>
    <row r="34" spans="1:17" ht="15.75" customHeight="1" x14ac:dyDescent="0.2">
      <c r="A34" s="45" t="s">
        <v>43</v>
      </c>
      <c r="B34" s="46"/>
      <c r="C34" s="22">
        <v>271</v>
      </c>
      <c r="D34" s="23">
        <v>376</v>
      </c>
      <c r="E34" s="24">
        <v>647</v>
      </c>
      <c r="F34" s="22">
        <v>96</v>
      </c>
      <c r="G34" s="23">
        <v>91</v>
      </c>
      <c r="H34" s="24">
        <v>187</v>
      </c>
      <c r="I34" s="22">
        <v>175</v>
      </c>
      <c r="J34" s="23">
        <v>285</v>
      </c>
      <c r="K34" s="24">
        <v>460</v>
      </c>
      <c r="L34" s="25">
        <v>35.42</v>
      </c>
      <c r="M34" s="26">
        <v>24.2</v>
      </c>
      <c r="N34" s="27">
        <v>28.9</v>
      </c>
      <c r="O34" s="8">
        <v>6.740000000000002</v>
      </c>
      <c r="P34" s="9">
        <v>7.7199999999999989</v>
      </c>
      <c r="Q34" s="10">
        <v>7.1099999999999994</v>
      </c>
    </row>
    <row r="35" spans="1:17" ht="15.75" customHeight="1" x14ac:dyDescent="0.2">
      <c r="A35" s="6"/>
      <c r="B35" s="7" t="s">
        <v>44</v>
      </c>
      <c r="C35" s="22">
        <v>57</v>
      </c>
      <c r="D35" s="23">
        <v>85</v>
      </c>
      <c r="E35" s="24">
        <v>142</v>
      </c>
      <c r="F35" s="22">
        <v>17</v>
      </c>
      <c r="G35" s="23">
        <v>19</v>
      </c>
      <c r="H35" s="24">
        <v>36</v>
      </c>
      <c r="I35" s="22">
        <v>40</v>
      </c>
      <c r="J35" s="23">
        <v>66</v>
      </c>
      <c r="K35" s="24">
        <v>106</v>
      </c>
      <c r="L35" s="25">
        <v>29.82</v>
      </c>
      <c r="M35" s="26">
        <v>22.35</v>
      </c>
      <c r="N35" s="27">
        <v>25.35</v>
      </c>
      <c r="O35" s="8">
        <v>5.82</v>
      </c>
      <c r="P35" s="9">
        <v>8.0600000000000023</v>
      </c>
      <c r="Q35" s="10">
        <v>7.240000000000002</v>
      </c>
    </row>
    <row r="36" spans="1:17" ht="15.75" customHeight="1" x14ac:dyDescent="0.2">
      <c r="A36" s="6"/>
      <c r="B36" s="7" t="s">
        <v>45</v>
      </c>
      <c r="C36" s="22">
        <v>61</v>
      </c>
      <c r="D36" s="23">
        <v>98</v>
      </c>
      <c r="E36" s="24">
        <v>159</v>
      </c>
      <c r="F36" s="22">
        <v>13</v>
      </c>
      <c r="G36" s="23">
        <v>23</v>
      </c>
      <c r="H36" s="24">
        <v>36</v>
      </c>
      <c r="I36" s="22">
        <v>48</v>
      </c>
      <c r="J36" s="23">
        <v>75</v>
      </c>
      <c r="K36" s="24">
        <v>123</v>
      </c>
      <c r="L36" s="25">
        <v>21.31</v>
      </c>
      <c r="M36" s="26">
        <v>23.47</v>
      </c>
      <c r="N36" s="27">
        <v>22.64</v>
      </c>
      <c r="O36" s="8">
        <v>1.6699999999999982</v>
      </c>
      <c r="P36" s="9">
        <v>3.8999999999999986</v>
      </c>
      <c r="Q36" s="10">
        <v>3.0500000000000007</v>
      </c>
    </row>
    <row r="37" spans="1:17" ht="15.75" customHeight="1" x14ac:dyDescent="0.2">
      <c r="A37" s="6"/>
      <c r="B37" s="7" t="s">
        <v>46</v>
      </c>
      <c r="C37" s="22">
        <v>153</v>
      </c>
      <c r="D37" s="23">
        <v>193</v>
      </c>
      <c r="E37" s="24">
        <v>346</v>
      </c>
      <c r="F37" s="22">
        <v>66</v>
      </c>
      <c r="G37" s="23">
        <v>49</v>
      </c>
      <c r="H37" s="24">
        <v>115</v>
      </c>
      <c r="I37" s="22">
        <v>87</v>
      </c>
      <c r="J37" s="23">
        <v>144</v>
      </c>
      <c r="K37" s="24">
        <v>231</v>
      </c>
      <c r="L37" s="25">
        <v>43.14</v>
      </c>
      <c r="M37" s="26">
        <v>25.39</v>
      </c>
      <c r="N37" s="27">
        <v>33.24</v>
      </c>
      <c r="O37" s="8">
        <v>10.009999999999998</v>
      </c>
      <c r="P37" s="9">
        <v>9.5400000000000009</v>
      </c>
      <c r="Q37" s="10">
        <v>9.1700000000000017</v>
      </c>
    </row>
    <row r="38" spans="1:17" ht="15.75" customHeight="1" x14ac:dyDescent="0.2">
      <c r="A38" s="45" t="s">
        <v>47</v>
      </c>
      <c r="B38" s="46"/>
      <c r="C38" s="22">
        <v>108</v>
      </c>
      <c r="D38" s="23">
        <v>273</v>
      </c>
      <c r="E38" s="24">
        <v>381</v>
      </c>
      <c r="F38" s="22">
        <v>25</v>
      </c>
      <c r="G38" s="23">
        <v>32</v>
      </c>
      <c r="H38" s="24">
        <v>57</v>
      </c>
      <c r="I38" s="22">
        <v>83</v>
      </c>
      <c r="J38" s="23">
        <v>241</v>
      </c>
      <c r="K38" s="24">
        <v>324</v>
      </c>
      <c r="L38" s="25">
        <v>23.15</v>
      </c>
      <c r="M38" s="26">
        <v>11.72</v>
      </c>
      <c r="N38" s="27">
        <v>14.96</v>
      </c>
      <c r="O38" s="8">
        <v>4.9699999999999989</v>
      </c>
      <c r="P38" s="9">
        <v>2.2300000000000004</v>
      </c>
      <c r="Q38" s="10">
        <v>3.0300000000000011</v>
      </c>
    </row>
    <row r="39" spans="1:17" ht="15.75" customHeight="1" x14ac:dyDescent="0.2">
      <c r="A39" s="45" t="s">
        <v>48</v>
      </c>
      <c r="B39" s="46"/>
      <c r="C39" s="22">
        <v>130</v>
      </c>
      <c r="D39" s="23">
        <v>129</v>
      </c>
      <c r="E39" s="24">
        <v>259</v>
      </c>
      <c r="F39" s="22">
        <v>29</v>
      </c>
      <c r="G39" s="23">
        <v>25</v>
      </c>
      <c r="H39" s="24">
        <v>54</v>
      </c>
      <c r="I39" s="22">
        <v>101</v>
      </c>
      <c r="J39" s="23">
        <v>104</v>
      </c>
      <c r="K39" s="24">
        <v>205</v>
      </c>
      <c r="L39" s="25">
        <v>22.31</v>
      </c>
      <c r="M39" s="26">
        <v>19.38</v>
      </c>
      <c r="N39" s="27">
        <v>20.85</v>
      </c>
      <c r="O39" s="8">
        <v>2.3099999999999987</v>
      </c>
      <c r="P39" s="9">
        <v>4.18</v>
      </c>
      <c r="Q39" s="10">
        <v>3.25</v>
      </c>
    </row>
    <row r="40" spans="1:17" ht="15.75" customHeight="1" x14ac:dyDescent="0.2">
      <c r="A40" s="45" t="s">
        <v>49</v>
      </c>
      <c r="B40" s="46"/>
      <c r="C40" s="22">
        <v>139</v>
      </c>
      <c r="D40" s="23">
        <v>230</v>
      </c>
      <c r="E40" s="24">
        <v>369</v>
      </c>
      <c r="F40" s="22">
        <v>56</v>
      </c>
      <c r="G40" s="23">
        <v>51</v>
      </c>
      <c r="H40" s="24">
        <v>107</v>
      </c>
      <c r="I40" s="22">
        <v>83</v>
      </c>
      <c r="J40" s="23">
        <v>179</v>
      </c>
      <c r="K40" s="24">
        <v>262</v>
      </c>
      <c r="L40" s="25">
        <v>40.29</v>
      </c>
      <c r="M40" s="26">
        <v>22.17</v>
      </c>
      <c r="N40" s="27">
        <v>29</v>
      </c>
      <c r="O40" s="8">
        <v>19.98</v>
      </c>
      <c r="P40" s="9">
        <v>7.620000000000001</v>
      </c>
      <c r="Q40" s="10">
        <v>12.280000000000001</v>
      </c>
    </row>
    <row r="41" spans="1:17" ht="15.75" customHeight="1" x14ac:dyDescent="0.2">
      <c r="A41" s="45" t="s">
        <v>50</v>
      </c>
      <c r="B41" s="46"/>
      <c r="C41" s="22">
        <v>211</v>
      </c>
      <c r="D41" s="23">
        <v>312</v>
      </c>
      <c r="E41" s="24">
        <v>523</v>
      </c>
      <c r="F41" s="22">
        <v>67</v>
      </c>
      <c r="G41" s="23">
        <v>74</v>
      </c>
      <c r="H41" s="24">
        <v>141</v>
      </c>
      <c r="I41" s="22">
        <v>144</v>
      </c>
      <c r="J41" s="23">
        <v>238</v>
      </c>
      <c r="K41" s="24">
        <v>382</v>
      </c>
      <c r="L41" s="25">
        <v>31.75</v>
      </c>
      <c r="M41" s="26">
        <v>23.72</v>
      </c>
      <c r="N41" s="27">
        <v>26.96</v>
      </c>
      <c r="O41" s="8">
        <v>7.9699999999999989</v>
      </c>
      <c r="P41" s="9">
        <v>10.29</v>
      </c>
      <c r="Q41" s="10">
        <v>9.3000000000000007</v>
      </c>
    </row>
    <row r="42" spans="1:17" ht="15.75" customHeight="1" x14ac:dyDescent="0.2">
      <c r="A42" s="45" t="s">
        <v>51</v>
      </c>
      <c r="B42" s="46"/>
      <c r="C42" s="22">
        <v>48</v>
      </c>
      <c r="D42" s="23">
        <v>87</v>
      </c>
      <c r="E42" s="24">
        <v>135</v>
      </c>
      <c r="F42" s="22">
        <v>10</v>
      </c>
      <c r="G42" s="23">
        <v>14</v>
      </c>
      <c r="H42" s="24">
        <v>24</v>
      </c>
      <c r="I42" s="22">
        <v>38</v>
      </c>
      <c r="J42" s="23">
        <v>73</v>
      </c>
      <c r="K42" s="24">
        <v>111</v>
      </c>
      <c r="L42" s="25">
        <v>20.83</v>
      </c>
      <c r="M42" s="26">
        <v>16.09</v>
      </c>
      <c r="N42" s="27">
        <v>17.78</v>
      </c>
      <c r="O42" s="8">
        <v>6.2499999999999982</v>
      </c>
      <c r="P42" s="9">
        <v>7.66</v>
      </c>
      <c r="Q42" s="10">
        <v>7.0900000000000016</v>
      </c>
    </row>
    <row r="43" spans="1:17" ht="15.75" customHeight="1" x14ac:dyDescent="0.2">
      <c r="A43" s="45" t="s">
        <v>52</v>
      </c>
      <c r="B43" s="46"/>
      <c r="C43" s="22">
        <v>113</v>
      </c>
      <c r="D43" s="23">
        <v>177</v>
      </c>
      <c r="E43" s="24">
        <v>290</v>
      </c>
      <c r="F43" s="22">
        <v>38</v>
      </c>
      <c r="G43" s="23">
        <v>39</v>
      </c>
      <c r="H43" s="24">
        <v>77</v>
      </c>
      <c r="I43" s="22">
        <v>75</v>
      </c>
      <c r="J43" s="23">
        <v>138</v>
      </c>
      <c r="K43" s="24">
        <v>213</v>
      </c>
      <c r="L43" s="25">
        <v>33.630000000000003</v>
      </c>
      <c r="M43" s="26">
        <v>22.03</v>
      </c>
      <c r="N43" s="27">
        <v>26.55</v>
      </c>
      <c r="O43" s="8">
        <v>8.1600000000000037</v>
      </c>
      <c r="P43" s="9">
        <v>9.4500000000000011</v>
      </c>
      <c r="Q43" s="10">
        <v>8.8100000000000023</v>
      </c>
    </row>
    <row r="44" spans="1:17" ht="15.75" customHeight="1" x14ac:dyDescent="0.2">
      <c r="A44" s="45" t="s">
        <v>53</v>
      </c>
      <c r="B44" s="46"/>
      <c r="C44" s="22">
        <v>44</v>
      </c>
      <c r="D44" s="23">
        <v>88</v>
      </c>
      <c r="E44" s="24">
        <v>132</v>
      </c>
      <c r="F44" s="22">
        <v>20</v>
      </c>
      <c r="G44" s="23">
        <v>15</v>
      </c>
      <c r="H44" s="24">
        <v>35</v>
      </c>
      <c r="I44" s="22">
        <v>24</v>
      </c>
      <c r="J44" s="23">
        <v>73</v>
      </c>
      <c r="K44" s="24">
        <v>97</v>
      </c>
      <c r="L44" s="25">
        <v>45.45</v>
      </c>
      <c r="M44" s="26">
        <v>17.05</v>
      </c>
      <c r="N44" s="27">
        <v>26.52</v>
      </c>
      <c r="O44" s="8">
        <v>21.130000000000003</v>
      </c>
      <c r="P44" s="9">
        <v>-0.44999999999999929</v>
      </c>
      <c r="Q44" s="10">
        <v>6.8599999999999994</v>
      </c>
    </row>
    <row r="45" spans="1:17" ht="15.75" customHeight="1" x14ac:dyDescent="0.2">
      <c r="A45" s="45" t="s">
        <v>54</v>
      </c>
      <c r="B45" s="46"/>
      <c r="C45" s="22">
        <v>8</v>
      </c>
      <c r="D45" s="23">
        <v>23</v>
      </c>
      <c r="E45" s="24">
        <v>31</v>
      </c>
      <c r="F45" s="22">
        <v>2</v>
      </c>
      <c r="G45" s="23">
        <v>3</v>
      </c>
      <c r="H45" s="24">
        <v>5</v>
      </c>
      <c r="I45" s="22">
        <v>6</v>
      </c>
      <c r="J45" s="23">
        <v>20</v>
      </c>
      <c r="K45" s="24">
        <v>26</v>
      </c>
      <c r="L45" s="25">
        <v>25</v>
      </c>
      <c r="M45" s="26">
        <v>13.04</v>
      </c>
      <c r="N45" s="27">
        <v>16.13</v>
      </c>
      <c r="O45" s="8">
        <v>15</v>
      </c>
      <c r="P45" s="9">
        <v>13.04</v>
      </c>
      <c r="Q45" s="10">
        <v>12.899999999999999</v>
      </c>
    </row>
    <row r="46" spans="1:17" ht="15.75" customHeight="1" x14ac:dyDescent="0.2">
      <c r="A46" s="45" t="s">
        <v>55</v>
      </c>
      <c r="B46" s="46"/>
      <c r="C46" s="22">
        <v>43</v>
      </c>
      <c r="D46" s="23">
        <v>57</v>
      </c>
      <c r="E46" s="24">
        <v>100</v>
      </c>
      <c r="F46" s="22">
        <v>12</v>
      </c>
      <c r="G46" s="23">
        <v>13</v>
      </c>
      <c r="H46" s="24">
        <v>25</v>
      </c>
      <c r="I46" s="22">
        <v>31</v>
      </c>
      <c r="J46" s="23">
        <v>44</v>
      </c>
      <c r="K46" s="24">
        <v>75</v>
      </c>
      <c r="L46" s="25">
        <v>27.91</v>
      </c>
      <c r="M46" s="26">
        <v>22.81</v>
      </c>
      <c r="N46" s="27">
        <v>25</v>
      </c>
      <c r="O46" s="8">
        <v>16.55</v>
      </c>
      <c r="P46" s="9">
        <v>9.8499999999999979</v>
      </c>
      <c r="Q46" s="10">
        <v>12.76</v>
      </c>
    </row>
    <row r="47" spans="1:17" ht="15.75" customHeight="1" x14ac:dyDescent="0.2">
      <c r="A47" s="45" t="s">
        <v>56</v>
      </c>
      <c r="B47" s="46"/>
      <c r="C47" s="22">
        <v>103</v>
      </c>
      <c r="D47" s="23">
        <v>117</v>
      </c>
      <c r="E47" s="24">
        <v>220</v>
      </c>
      <c r="F47" s="22">
        <v>30</v>
      </c>
      <c r="G47" s="23">
        <v>20</v>
      </c>
      <c r="H47" s="24">
        <v>50</v>
      </c>
      <c r="I47" s="22">
        <v>73</v>
      </c>
      <c r="J47" s="23">
        <v>97</v>
      </c>
      <c r="K47" s="24">
        <v>170</v>
      </c>
      <c r="L47" s="25">
        <v>29.13</v>
      </c>
      <c r="M47" s="26">
        <v>17.09</v>
      </c>
      <c r="N47" s="27">
        <v>22.73</v>
      </c>
      <c r="O47" s="8">
        <v>9.3499999999999979</v>
      </c>
      <c r="P47" s="9">
        <v>4.7099999999999991</v>
      </c>
      <c r="Q47" s="10">
        <v>6.91</v>
      </c>
    </row>
    <row r="48" spans="1:17" ht="15.75" customHeight="1" x14ac:dyDescent="0.2">
      <c r="A48" s="45" t="s">
        <v>57</v>
      </c>
      <c r="B48" s="46"/>
      <c r="C48" s="22">
        <v>86</v>
      </c>
      <c r="D48" s="23">
        <v>126</v>
      </c>
      <c r="E48" s="24">
        <v>212</v>
      </c>
      <c r="F48" s="22">
        <v>22</v>
      </c>
      <c r="G48" s="23">
        <v>29</v>
      </c>
      <c r="H48" s="24">
        <v>51</v>
      </c>
      <c r="I48" s="22">
        <v>64</v>
      </c>
      <c r="J48" s="23">
        <v>97</v>
      </c>
      <c r="K48" s="24">
        <v>161</v>
      </c>
      <c r="L48" s="25">
        <v>25.58</v>
      </c>
      <c r="M48" s="26">
        <v>23.02</v>
      </c>
      <c r="N48" s="27">
        <v>24.06</v>
      </c>
      <c r="O48" s="8">
        <v>8.2999999999999972</v>
      </c>
      <c r="P48" s="9">
        <v>12.49</v>
      </c>
      <c r="Q48" s="10">
        <v>10.729999999999999</v>
      </c>
    </row>
    <row r="49" spans="1:17" ht="15.75" customHeight="1" x14ac:dyDescent="0.2">
      <c r="A49" s="45" t="s">
        <v>58</v>
      </c>
      <c r="B49" s="46"/>
      <c r="C49" s="22">
        <v>41</v>
      </c>
      <c r="D49" s="23">
        <v>41</v>
      </c>
      <c r="E49" s="24">
        <v>82</v>
      </c>
      <c r="F49" s="22">
        <v>7</v>
      </c>
      <c r="G49" s="23">
        <v>8</v>
      </c>
      <c r="H49" s="24">
        <v>15</v>
      </c>
      <c r="I49" s="22">
        <v>34</v>
      </c>
      <c r="J49" s="23">
        <v>33</v>
      </c>
      <c r="K49" s="24">
        <v>67</v>
      </c>
      <c r="L49" s="25">
        <v>17.07</v>
      </c>
      <c r="M49" s="26">
        <v>19.510000000000002</v>
      </c>
      <c r="N49" s="27">
        <v>18.29</v>
      </c>
      <c r="O49" s="8">
        <v>2.3599999999999994</v>
      </c>
      <c r="P49" s="9">
        <v>4.1300000000000008</v>
      </c>
      <c r="Q49" s="10">
        <v>3.2199999999999989</v>
      </c>
    </row>
    <row r="50" spans="1:17" ht="15.75" customHeight="1" x14ac:dyDescent="0.2">
      <c r="A50" s="45" t="s">
        <v>59</v>
      </c>
      <c r="B50" s="46"/>
      <c r="C50" s="22">
        <v>54</v>
      </c>
      <c r="D50" s="23">
        <v>85</v>
      </c>
      <c r="E50" s="24">
        <v>139</v>
      </c>
      <c r="F50" s="22">
        <v>17</v>
      </c>
      <c r="G50" s="23">
        <v>20</v>
      </c>
      <c r="H50" s="24">
        <v>37</v>
      </c>
      <c r="I50" s="22">
        <v>37</v>
      </c>
      <c r="J50" s="23">
        <v>65</v>
      </c>
      <c r="K50" s="24">
        <v>102</v>
      </c>
      <c r="L50" s="25">
        <v>31.48</v>
      </c>
      <c r="M50" s="26">
        <v>23.53</v>
      </c>
      <c r="N50" s="27">
        <v>26.62</v>
      </c>
      <c r="O50" s="8">
        <v>15.150000000000002</v>
      </c>
      <c r="P50" s="9">
        <v>16.950000000000003</v>
      </c>
      <c r="Q50" s="10">
        <v>16.22</v>
      </c>
    </row>
    <row r="51" spans="1:17" ht="15.75" customHeight="1" x14ac:dyDescent="0.2">
      <c r="A51" s="45" t="s">
        <v>60</v>
      </c>
      <c r="B51" s="46"/>
      <c r="C51" s="22">
        <v>38</v>
      </c>
      <c r="D51" s="23">
        <v>73</v>
      </c>
      <c r="E51" s="24">
        <v>111</v>
      </c>
      <c r="F51" s="22">
        <v>4</v>
      </c>
      <c r="G51" s="23">
        <v>12</v>
      </c>
      <c r="H51" s="24">
        <v>16</v>
      </c>
      <c r="I51" s="22">
        <v>34</v>
      </c>
      <c r="J51" s="23">
        <v>61</v>
      </c>
      <c r="K51" s="24">
        <v>95</v>
      </c>
      <c r="L51" s="25">
        <v>10.53</v>
      </c>
      <c r="M51" s="26">
        <v>16.440000000000001</v>
      </c>
      <c r="N51" s="27">
        <v>14.41</v>
      </c>
      <c r="O51" s="8">
        <v>-8.3900000000000023</v>
      </c>
      <c r="P51" s="9">
        <v>-3.5599999999999987</v>
      </c>
      <c r="Q51" s="10">
        <v>-5.2199999999999989</v>
      </c>
    </row>
    <row r="52" spans="1:17" ht="15.75" customHeight="1" x14ac:dyDescent="0.2">
      <c r="A52" s="45" t="s">
        <v>61</v>
      </c>
      <c r="B52" s="46"/>
      <c r="C52" s="22">
        <v>6</v>
      </c>
      <c r="D52" s="23">
        <v>15</v>
      </c>
      <c r="E52" s="24">
        <v>21</v>
      </c>
      <c r="F52" s="22">
        <v>1</v>
      </c>
      <c r="G52" s="23">
        <v>1</v>
      </c>
      <c r="H52" s="24">
        <v>2</v>
      </c>
      <c r="I52" s="22">
        <v>5</v>
      </c>
      <c r="J52" s="23">
        <v>14</v>
      </c>
      <c r="K52" s="24">
        <v>19</v>
      </c>
      <c r="L52" s="25">
        <v>16.670000000000002</v>
      </c>
      <c r="M52" s="26">
        <v>6.67</v>
      </c>
      <c r="N52" s="27">
        <v>9.52</v>
      </c>
      <c r="O52" s="8">
        <v>0</v>
      </c>
      <c r="P52" s="9">
        <v>0</v>
      </c>
      <c r="Q52" s="10">
        <v>0</v>
      </c>
    </row>
    <row r="53" spans="1:17" ht="15.75" customHeight="1" x14ac:dyDescent="0.2">
      <c r="A53" s="45" t="s">
        <v>62</v>
      </c>
      <c r="B53" s="46"/>
      <c r="C53" s="22">
        <v>30</v>
      </c>
      <c r="D53" s="23">
        <v>53</v>
      </c>
      <c r="E53" s="24">
        <v>83</v>
      </c>
      <c r="F53" s="22">
        <v>7</v>
      </c>
      <c r="G53" s="23">
        <v>4</v>
      </c>
      <c r="H53" s="24">
        <v>11</v>
      </c>
      <c r="I53" s="22">
        <v>23</v>
      </c>
      <c r="J53" s="23">
        <v>49</v>
      </c>
      <c r="K53" s="24">
        <v>72</v>
      </c>
      <c r="L53" s="25">
        <v>23.33</v>
      </c>
      <c r="M53" s="26">
        <v>7.55</v>
      </c>
      <c r="N53" s="27">
        <v>13.25</v>
      </c>
      <c r="O53" s="8">
        <v>15.639999999999997</v>
      </c>
      <c r="P53" s="9">
        <v>-0.29000000000000004</v>
      </c>
      <c r="Q53" s="10">
        <v>5.46</v>
      </c>
    </row>
    <row r="54" spans="1:17" ht="15.75" customHeight="1" x14ac:dyDescent="0.2">
      <c r="A54" s="45" t="s">
        <v>63</v>
      </c>
      <c r="B54" s="46"/>
      <c r="C54" s="22">
        <v>23</v>
      </c>
      <c r="D54" s="23">
        <v>52</v>
      </c>
      <c r="E54" s="24">
        <v>75</v>
      </c>
      <c r="F54" s="22">
        <v>5</v>
      </c>
      <c r="G54" s="23">
        <v>10</v>
      </c>
      <c r="H54" s="24">
        <v>15</v>
      </c>
      <c r="I54" s="22">
        <v>18</v>
      </c>
      <c r="J54" s="23">
        <v>42</v>
      </c>
      <c r="K54" s="24">
        <v>60</v>
      </c>
      <c r="L54" s="25">
        <v>21.74</v>
      </c>
      <c r="M54" s="26">
        <v>19.23</v>
      </c>
      <c r="N54" s="27">
        <v>20</v>
      </c>
      <c r="O54" s="8">
        <v>1.0499999999999972</v>
      </c>
      <c r="P54" s="9">
        <v>-5.2100000000000009</v>
      </c>
      <c r="Q54" s="10">
        <v>-2.9699999999999989</v>
      </c>
    </row>
    <row r="55" spans="1:17" ht="15.75" customHeight="1" x14ac:dyDescent="0.2">
      <c r="A55" s="6"/>
      <c r="B55" s="7" t="s">
        <v>64</v>
      </c>
      <c r="C55" s="22">
        <v>23</v>
      </c>
      <c r="D55" s="23">
        <v>52</v>
      </c>
      <c r="E55" s="24">
        <v>75</v>
      </c>
      <c r="F55" s="22">
        <v>5</v>
      </c>
      <c r="G55" s="23">
        <v>10</v>
      </c>
      <c r="H55" s="24">
        <v>15</v>
      </c>
      <c r="I55" s="22">
        <v>18</v>
      </c>
      <c r="J55" s="23">
        <v>42</v>
      </c>
      <c r="K55" s="24">
        <v>60</v>
      </c>
      <c r="L55" s="25">
        <v>21.74</v>
      </c>
      <c r="M55" s="26">
        <v>19.23</v>
      </c>
      <c r="N55" s="27">
        <v>20</v>
      </c>
      <c r="O55" s="8">
        <v>1.0499999999999972</v>
      </c>
      <c r="P55" s="9">
        <v>-5.2100000000000009</v>
      </c>
      <c r="Q55" s="10">
        <v>-2.9699999999999989</v>
      </c>
    </row>
    <row r="56" spans="1:17" ht="15.75" customHeight="1" x14ac:dyDescent="0.2">
      <c r="A56" s="45" t="s">
        <v>65</v>
      </c>
      <c r="B56" s="46"/>
      <c r="C56" s="22">
        <v>14</v>
      </c>
      <c r="D56" s="23">
        <v>23</v>
      </c>
      <c r="E56" s="24">
        <v>37</v>
      </c>
      <c r="F56" s="22">
        <v>5</v>
      </c>
      <c r="G56" s="23">
        <v>3</v>
      </c>
      <c r="H56" s="24">
        <v>8</v>
      </c>
      <c r="I56" s="22">
        <v>9</v>
      </c>
      <c r="J56" s="23">
        <v>20</v>
      </c>
      <c r="K56" s="24">
        <v>29</v>
      </c>
      <c r="L56" s="25">
        <v>35.71</v>
      </c>
      <c r="M56" s="26">
        <v>13.04</v>
      </c>
      <c r="N56" s="27">
        <v>21.62</v>
      </c>
      <c r="O56" s="8">
        <v>27.380000000000003</v>
      </c>
      <c r="P56" s="9">
        <v>7.4799999999999995</v>
      </c>
      <c r="Q56" s="10">
        <v>14.950000000000001</v>
      </c>
    </row>
    <row r="57" spans="1:17" ht="15.75" customHeight="1" x14ac:dyDescent="0.2">
      <c r="A57" s="6"/>
      <c r="B57" s="7" t="s">
        <v>66</v>
      </c>
      <c r="C57" s="22">
        <v>14</v>
      </c>
      <c r="D57" s="23">
        <v>23</v>
      </c>
      <c r="E57" s="24">
        <v>37</v>
      </c>
      <c r="F57" s="22">
        <v>5</v>
      </c>
      <c r="G57" s="23">
        <v>3</v>
      </c>
      <c r="H57" s="24">
        <v>8</v>
      </c>
      <c r="I57" s="22">
        <v>9</v>
      </c>
      <c r="J57" s="23">
        <v>20</v>
      </c>
      <c r="K57" s="24">
        <v>29</v>
      </c>
      <c r="L57" s="25">
        <v>35.71</v>
      </c>
      <c r="M57" s="26">
        <v>13.04</v>
      </c>
      <c r="N57" s="27">
        <v>21.62</v>
      </c>
      <c r="O57" s="8">
        <v>27.380000000000003</v>
      </c>
      <c r="P57" s="9">
        <v>7.4799999999999995</v>
      </c>
      <c r="Q57" s="10">
        <v>14.950000000000001</v>
      </c>
    </row>
    <row r="58" spans="1:17" ht="15.75" customHeight="1" x14ac:dyDescent="0.2">
      <c r="A58" s="45" t="s">
        <v>67</v>
      </c>
      <c r="B58" s="46"/>
      <c r="C58" s="22">
        <v>33</v>
      </c>
      <c r="D58" s="23">
        <v>64</v>
      </c>
      <c r="E58" s="24">
        <v>97</v>
      </c>
      <c r="F58" s="22">
        <v>9</v>
      </c>
      <c r="G58" s="23">
        <v>14</v>
      </c>
      <c r="H58" s="24">
        <v>23</v>
      </c>
      <c r="I58" s="22">
        <v>24</v>
      </c>
      <c r="J58" s="23">
        <v>50</v>
      </c>
      <c r="K58" s="24">
        <v>74</v>
      </c>
      <c r="L58" s="25">
        <v>27.27</v>
      </c>
      <c r="M58" s="26">
        <v>21.88</v>
      </c>
      <c r="N58" s="27">
        <v>23.71</v>
      </c>
      <c r="O58" s="8">
        <v>-3.5</v>
      </c>
      <c r="P58" s="9">
        <v>8.5499999999999989</v>
      </c>
      <c r="Q58" s="10">
        <v>5.1099999999999994</v>
      </c>
    </row>
    <row r="59" spans="1:17" ht="15.75" customHeight="1" x14ac:dyDescent="0.2">
      <c r="A59" s="6"/>
      <c r="B59" s="7" t="s">
        <v>68</v>
      </c>
      <c r="C59" s="22">
        <v>21</v>
      </c>
      <c r="D59" s="23">
        <v>44</v>
      </c>
      <c r="E59" s="24">
        <v>65</v>
      </c>
      <c r="F59" s="22">
        <v>7</v>
      </c>
      <c r="G59" s="23">
        <v>8</v>
      </c>
      <c r="H59" s="24">
        <v>15</v>
      </c>
      <c r="I59" s="22">
        <v>14</v>
      </c>
      <c r="J59" s="23">
        <v>36</v>
      </c>
      <c r="K59" s="24">
        <v>50</v>
      </c>
      <c r="L59" s="25">
        <v>33.33</v>
      </c>
      <c r="M59" s="26">
        <v>18.18</v>
      </c>
      <c r="N59" s="27">
        <v>23.08</v>
      </c>
      <c r="O59" s="8">
        <v>0</v>
      </c>
      <c r="P59" s="9">
        <v>8.42</v>
      </c>
      <c r="Q59" s="10">
        <v>7.009999999999998</v>
      </c>
    </row>
    <row r="60" spans="1:17" ht="15.75" customHeight="1" x14ac:dyDescent="0.2">
      <c r="A60" s="6"/>
      <c r="B60" s="7" t="s">
        <v>69</v>
      </c>
      <c r="C60" s="22">
        <v>12</v>
      </c>
      <c r="D60" s="23">
        <v>20</v>
      </c>
      <c r="E60" s="24">
        <v>32</v>
      </c>
      <c r="F60" s="22">
        <v>2</v>
      </c>
      <c r="G60" s="23">
        <v>6</v>
      </c>
      <c r="H60" s="24">
        <v>8</v>
      </c>
      <c r="I60" s="22">
        <v>10</v>
      </c>
      <c r="J60" s="23">
        <v>14</v>
      </c>
      <c r="K60" s="24">
        <v>24</v>
      </c>
      <c r="L60" s="25">
        <v>16.670000000000002</v>
      </c>
      <c r="M60" s="26">
        <v>30</v>
      </c>
      <c r="N60" s="27">
        <v>25</v>
      </c>
      <c r="O60" s="8">
        <v>-10.599999999999998</v>
      </c>
      <c r="P60" s="9">
        <v>8.9499999999999993</v>
      </c>
      <c r="Q60" s="10">
        <v>1.6700000000000017</v>
      </c>
    </row>
    <row r="61" spans="1:17" ht="15.75" customHeight="1" x14ac:dyDescent="0.2">
      <c r="A61" s="45" t="s">
        <v>70</v>
      </c>
      <c r="B61" s="46"/>
      <c r="C61" s="22">
        <v>18</v>
      </c>
      <c r="D61" s="23">
        <v>28</v>
      </c>
      <c r="E61" s="24">
        <v>46</v>
      </c>
      <c r="F61" s="22">
        <v>1</v>
      </c>
      <c r="G61" s="23">
        <v>2</v>
      </c>
      <c r="H61" s="24">
        <v>3</v>
      </c>
      <c r="I61" s="22">
        <v>17</v>
      </c>
      <c r="J61" s="23">
        <v>26</v>
      </c>
      <c r="K61" s="24">
        <v>43</v>
      </c>
      <c r="L61" s="25">
        <v>5.56</v>
      </c>
      <c r="M61" s="26">
        <v>7.14</v>
      </c>
      <c r="N61" s="27">
        <v>6.52</v>
      </c>
      <c r="O61" s="8">
        <v>-17.970000000000002</v>
      </c>
      <c r="P61" s="9">
        <v>-7.1499999999999995</v>
      </c>
      <c r="Q61" s="10">
        <v>-11.900000000000002</v>
      </c>
    </row>
    <row r="62" spans="1:17" ht="15.75" customHeight="1" x14ac:dyDescent="0.2">
      <c r="A62" s="6"/>
      <c r="B62" s="7" t="s">
        <v>71</v>
      </c>
      <c r="C62" s="22">
        <v>3</v>
      </c>
      <c r="D62" s="23">
        <v>5</v>
      </c>
      <c r="E62" s="24">
        <v>8</v>
      </c>
      <c r="F62" s="22"/>
      <c r="G62" s="23">
        <v>1</v>
      </c>
      <c r="H62" s="24">
        <v>1</v>
      </c>
      <c r="I62" s="22">
        <v>3</v>
      </c>
      <c r="J62" s="23">
        <v>4</v>
      </c>
      <c r="K62" s="24">
        <v>7</v>
      </c>
      <c r="L62" s="25">
        <v>0</v>
      </c>
      <c r="M62" s="26">
        <v>20</v>
      </c>
      <c r="N62" s="27">
        <v>12.5</v>
      </c>
      <c r="O62" s="8">
        <v>-33.33</v>
      </c>
      <c r="P62" s="9">
        <v>0</v>
      </c>
      <c r="Q62" s="10">
        <v>-12.5</v>
      </c>
    </row>
    <row r="63" spans="1:17" ht="15.75" customHeight="1" x14ac:dyDescent="0.2">
      <c r="A63" s="6"/>
      <c r="B63" s="7" t="s">
        <v>72</v>
      </c>
      <c r="C63" s="22">
        <v>4</v>
      </c>
      <c r="D63" s="23">
        <v>1</v>
      </c>
      <c r="E63" s="24">
        <v>5</v>
      </c>
      <c r="F63" s="22"/>
      <c r="G63" s="23"/>
      <c r="H63" s="24"/>
      <c r="I63" s="22">
        <v>4</v>
      </c>
      <c r="J63" s="23">
        <v>1</v>
      </c>
      <c r="K63" s="24">
        <v>5</v>
      </c>
      <c r="L63" s="25">
        <v>0</v>
      </c>
      <c r="M63" s="26">
        <v>0</v>
      </c>
      <c r="N63" s="27">
        <v>0</v>
      </c>
      <c r="O63" s="8">
        <v>0</v>
      </c>
      <c r="P63" s="9">
        <v>0</v>
      </c>
      <c r="Q63" s="10">
        <v>0</v>
      </c>
    </row>
    <row r="64" spans="1:17" ht="15.75" customHeight="1" x14ac:dyDescent="0.2">
      <c r="A64" s="6"/>
      <c r="B64" s="7" t="s">
        <v>73</v>
      </c>
      <c r="C64" s="22">
        <v>3</v>
      </c>
      <c r="D64" s="23">
        <v>5</v>
      </c>
      <c r="E64" s="24">
        <v>8</v>
      </c>
      <c r="F64" s="22"/>
      <c r="G64" s="23"/>
      <c r="H64" s="24"/>
      <c r="I64" s="22">
        <v>3</v>
      </c>
      <c r="J64" s="23">
        <v>5</v>
      </c>
      <c r="K64" s="24">
        <v>8</v>
      </c>
      <c r="L64" s="25">
        <v>0</v>
      </c>
      <c r="M64" s="26">
        <v>0</v>
      </c>
      <c r="N64" s="27">
        <v>0</v>
      </c>
      <c r="O64" s="8">
        <v>-25</v>
      </c>
      <c r="P64" s="9">
        <v>0</v>
      </c>
      <c r="Q64" s="10">
        <v>-11.11</v>
      </c>
    </row>
    <row r="65" spans="1:17" ht="15.75" customHeight="1" x14ac:dyDescent="0.2">
      <c r="A65" s="6"/>
      <c r="B65" s="7" t="s">
        <v>74</v>
      </c>
      <c r="C65" s="22">
        <v>1</v>
      </c>
      <c r="D65" s="23">
        <v>6</v>
      </c>
      <c r="E65" s="24">
        <v>7</v>
      </c>
      <c r="F65" s="22"/>
      <c r="G65" s="23">
        <v>1</v>
      </c>
      <c r="H65" s="24">
        <v>1</v>
      </c>
      <c r="I65" s="22">
        <v>1</v>
      </c>
      <c r="J65" s="23">
        <v>5</v>
      </c>
      <c r="K65" s="24">
        <v>6</v>
      </c>
      <c r="L65" s="25">
        <v>0</v>
      </c>
      <c r="M65" s="26">
        <v>16.670000000000002</v>
      </c>
      <c r="N65" s="27">
        <v>14.29</v>
      </c>
      <c r="O65" s="8">
        <v>0</v>
      </c>
      <c r="P65" s="9">
        <v>16.670000000000002</v>
      </c>
      <c r="Q65" s="10">
        <v>14.29</v>
      </c>
    </row>
    <row r="66" spans="1:17" ht="15.75" customHeight="1" x14ac:dyDescent="0.2">
      <c r="A66" s="6"/>
      <c r="B66" s="7" t="s">
        <v>75</v>
      </c>
      <c r="C66" s="22">
        <v>7</v>
      </c>
      <c r="D66" s="23">
        <v>11</v>
      </c>
      <c r="E66" s="24">
        <v>18</v>
      </c>
      <c r="F66" s="22">
        <v>1</v>
      </c>
      <c r="G66" s="23"/>
      <c r="H66" s="24">
        <v>1</v>
      </c>
      <c r="I66" s="22">
        <v>6</v>
      </c>
      <c r="J66" s="23">
        <v>11</v>
      </c>
      <c r="K66" s="24">
        <v>17</v>
      </c>
      <c r="L66" s="25">
        <v>14.29</v>
      </c>
      <c r="M66" s="26">
        <v>0</v>
      </c>
      <c r="N66" s="27">
        <v>5.56</v>
      </c>
      <c r="O66" s="8">
        <v>-19.04</v>
      </c>
      <c r="P66" s="9">
        <v>-20</v>
      </c>
      <c r="Q66" s="10">
        <v>-19.440000000000001</v>
      </c>
    </row>
    <row r="67" spans="1:17" ht="15.75" customHeight="1" x14ac:dyDescent="0.2">
      <c r="A67" s="45" t="s">
        <v>76</v>
      </c>
      <c r="B67" s="46"/>
      <c r="C67" s="22">
        <v>27</v>
      </c>
      <c r="D67" s="23">
        <v>32</v>
      </c>
      <c r="E67" s="24">
        <v>59</v>
      </c>
      <c r="F67" s="22">
        <v>6</v>
      </c>
      <c r="G67" s="23">
        <v>6</v>
      </c>
      <c r="H67" s="24">
        <v>12</v>
      </c>
      <c r="I67" s="22">
        <v>21</v>
      </c>
      <c r="J67" s="23">
        <v>26</v>
      </c>
      <c r="K67" s="24">
        <v>47</v>
      </c>
      <c r="L67" s="25">
        <v>22.22</v>
      </c>
      <c r="M67" s="26">
        <v>18.75</v>
      </c>
      <c r="N67" s="27">
        <v>20.34</v>
      </c>
      <c r="O67" s="8">
        <v>6.8399999999999981</v>
      </c>
      <c r="P67" s="9">
        <v>0</v>
      </c>
      <c r="Q67" s="10">
        <v>3.1000000000000014</v>
      </c>
    </row>
    <row r="68" spans="1:17" ht="15.75" customHeight="1" x14ac:dyDescent="0.2">
      <c r="A68" s="6"/>
      <c r="B68" s="7" t="s">
        <v>77</v>
      </c>
      <c r="C68" s="22">
        <v>14</v>
      </c>
      <c r="D68" s="23">
        <v>11</v>
      </c>
      <c r="E68" s="24">
        <v>25</v>
      </c>
      <c r="F68" s="22">
        <v>5</v>
      </c>
      <c r="G68" s="23"/>
      <c r="H68" s="24">
        <v>5</v>
      </c>
      <c r="I68" s="22">
        <v>9</v>
      </c>
      <c r="J68" s="23">
        <v>11</v>
      </c>
      <c r="K68" s="24">
        <v>20</v>
      </c>
      <c r="L68" s="25">
        <v>35.71</v>
      </c>
      <c r="M68" s="26">
        <v>0</v>
      </c>
      <c r="N68" s="27">
        <v>20</v>
      </c>
      <c r="O68" s="8">
        <v>21.42</v>
      </c>
      <c r="P68" s="9">
        <v>-9.09</v>
      </c>
      <c r="Q68" s="10">
        <v>8</v>
      </c>
    </row>
    <row r="69" spans="1:17" ht="15.75" customHeight="1" x14ac:dyDescent="0.2">
      <c r="A69" s="6"/>
      <c r="B69" s="7" t="s">
        <v>78</v>
      </c>
      <c r="C69" s="22">
        <v>4</v>
      </c>
      <c r="D69" s="23">
        <v>5</v>
      </c>
      <c r="E69" s="24">
        <v>9</v>
      </c>
      <c r="F69" s="22"/>
      <c r="G69" s="23"/>
      <c r="H69" s="24"/>
      <c r="I69" s="22">
        <v>4</v>
      </c>
      <c r="J69" s="23">
        <v>5</v>
      </c>
      <c r="K69" s="24">
        <v>9</v>
      </c>
      <c r="L69" s="25">
        <v>0</v>
      </c>
      <c r="M69" s="26">
        <v>0</v>
      </c>
      <c r="N69" s="27">
        <v>0</v>
      </c>
      <c r="O69" s="8">
        <v>0</v>
      </c>
      <c r="P69" s="9">
        <v>0</v>
      </c>
      <c r="Q69" s="10">
        <v>0</v>
      </c>
    </row>
    <row r="70" spans="1:17" ht="15.75" customHeight="1" x14ac:dyDescent="0.2">
      <c r="A70" s="6"/>
      <c r="B70" s="7" t="s">
        <v>79</v>
      </c>
      <c r="C70" s="22">
        <v>9</v>
      </c>
      <c r="D70" s="23">
        <v>16</v>
      </c>
      <c r="E70" s="24">
        <v>25</v>
      </c>
      <c r="F70" s="22">
        <v>1</v>
      </c>
      <c r="G70" s="23">
        <v>6</v>
      </c>
      <c r="H70" s="24">
        <v>7</v>
      </c>
      <c r="I70" s="22">
        <v>8</v>
      </c>
      <c r="J70" s="23">
        <v>10</v>
      </c>
      <c r="K70" s="24">
        <v>18</v>
      </c>
      <c r="L70" s="25">
        <v>11.11</v>
      </c>
      <c r="M70" s="26">
        <v>37.5</v>
      </c>
      <c r="N70" s="27">
        <v>28</v>
      </c>
      <c r="O70" s="8">
        <v>-8.89</v>
      </c>
      <c r="P70" s="9">
        <v>6.25</v>
      </c>
      <c r="Q70" s="10">
        <v>1.0799999999999983</v>
      </c>
    </row>
    <row r="71" spans="1:17" ht="15.75" customHeight="1" x14ac:dyDescent="0.2">
      <c r="A71" s="45" t="s">
        <v>80</v>
      </c>
      <c r="B71" s="46"/>
      <c r="C71" s="22">
        <v>12</v>
      </c>
      <c r="D71" s="23">
        <v>25</v>
      </c>
      <c r="E71" s="24">
        <v>37</v>
      </c>
      <c r="F71" s="22">
        <v>2</v>
      </c>
      <c r="G71" s="23">
        <v>2</v>
      </c>
      <c r="H71" s="24">
        <v>4</v>
      </c>
      <c r="I71" s="22">
        <v>10</v>
      </c>
      <c r="J71" s="23">
        <v>23</v>
      </c>
      <c r="K71" s="24">
        <v>33</v>
      </c>
      <c r="L71" s="25">
        <v>16.670000000000002</v>
      </c>
      <c r="M71" s="26">
        <v>8</v>
      </c>
      <c r="N71" s="27">
        <v>10.81</v>
      </c>
      <c r="O71" s="8">
        <v>8.3400000000000016</v>
      </c>
      <c r="P71" s="9">
        <v>8</v>
      </c>
      <c r="Q71" s="10">
        <v>8.0300000000000011</v>
      </c>
    </row>
    <row r="72" spans="1:17" ht="15.75" customHeight="1" x14ac:dyDescent="0.2">
      <c r="A72" s="6"/>
      <c r="B72" s="7" t="s">
        <v>81</v>
      </c>
      <c r="C72" s="22">
        <v>12</v>
      </c>
      <c r="D72" s="23">
        <v>23</v>
      </c>
      <c r="E72" s="24">
        <v>35</v>
      </c>
      <c r="F72" s="22">
        <v>2</v>
      </c>
      <c r="G72" s="23">
        <v>1</v>
      </c>
      <c r="H72" s="24">
        <v>3</v>
      </c>
      <c r="I72" s="22">
        <v>10</v>
      </c>
      <c r="J72" s="23">
        <v>22</v>
      </c>
      <c r="K72" s="24">
        <v>32</v>
      </c>
      <c r="L72" s="25">
        <v>16.670000000000002</v>
      </c>
      <c r="M72" s="26">
        <v>4.3499999999999996</v>
      </c>
      <c r="N72" s="27">
        <v>8.57</v>
      </c>
      <c r="O72" s="8">
        <v>8.3400000000000016</v>
      </c>
      <c r="P72" s="9">
        <v>4.3499999999999996</v>
      </c>
      <c r="Q72" s="10">
        <v>5.6300000000000008</v>
      </c>
    </row>
    <row r="73" spans="1:17" ht="15.75" customHeight="1" thickBot="1" x14ac:dyDescent="0.25">
      <c r="A73" s="14"/>
      <c r="B73" s="15" t="s">
        <v>82</v>
      </c>
      <c r="C73" s="28"/>
      <c r="D73" s="29">
        <v>2</v>
      </c>
      <c r="E73" s="30">
        <v>2</v>
      </c>
      <c r="F73" s="28"/>
      <c r="G73" s="29">
        <v>1</v>
      </c>
      <c r="H73" s="30">
        <v>1</v>
      </c>
      <c r="I73" s="28"/>
      <c r="J73" s="29">
        <v>1</v>
      </c>
      <c r="K73" s="30">
        <v>1</v>
      </c>
      <c r="L73" s="31">
        <v>0</v>
      </c>
      <c r="M73" s="32">
        <v>50</v>
      </c>
      <c r="N73" s="33">
        <v>50</v>
      </c>
      <c r="O73" s="16">
        <v>0</v>
      </c>
      <c r="P73" s="17">
        <v>50</v>
      </c>
      <c r="Q73" s="18">
        <v>50</v>
      </c>
    </row>
    <row r="74" spans="1:17" ht="15.75" customHeight="1" thickTop="1" x14ac:dyDescent="0.2">
      <c r="A74" s="45" t="s">
        <v>83</v>
      </c>
      <c r="B74" s="46"/>
      <c r="C74" s="22">
        <v>3736</v>
      </c>
      <c r="D74" s="23">
        <v>4489</v>
      </c>
      <c r="E74" s="24">
        <v>8225</v>
      </c>
      <c r="F74" s="22">
        <v>1196</v>
      </c>
      <c r="G74" s="23">
        <v>1175</v>
      </c>
      <c r="H74" s="24">
        <v>2371</v>
      </c>
      <c r="I74" s="22">
        <v>2540</v>
      </c>
      <c r="J74" s="23">
        <v>3314</v>
      </c>
      <c r="K74" s="24">
        <v>5854</v>
      </c>
      <c r="L74" s="25">
        <v>32.01</v>
      </c>
      <c r="M74" s="26">
        <v>26.18</v>
      </c>
      <c r="N74" s="27">
        <v>28.83</v>
      </c>
      <c r="O74" s="8">
        <v>9.0499999999999972</v>
      </c>
      <c r="P74" s="9">
        <v>9.879999999999999</v>
      </c>
      <c r="Q74" s="10">
        <v>9.4399999999999977</v>
      </c>
    </row>
    <row r="75" spans="1:17" ht="15.75" customHeight="1" x14ac:dyDescent="0.2">
      <c r="A75" s="45" t="s">
        <v>84</v>
      </c>
      <c r="B75" s="46"/>
      <c r="C75" s="22">
        <v>1202</v>
      </c>
      <c r="D75" s="23">
        <v>1886</v>
      </c>
      <c r="E75" s="24">
        <v>3088</v>
      </c>
      <c r="F75" s="22">
        <v>347</v>
      </c>
      <c r="G75" s="23">
        <v>360</v>
      </c>
      <c r="H75" s="24">
        <v>707</v>
      </c>
      <c r="I75" s="22">
        <v>855</v>
      </c>
      <c r="J75" s="23">
        <v>1526</v>
      </c>
      <c r="K75" s="24">
        <v>2381</v>
      </c>
      <c r="L75" s="25">
        <v>28.87</v>
      </c>
      <c r="M75" s="26">
        <v>19.09</v>
      </c>
      <c r="N75" s="27">
        <v>22.9</v>
      </c>
      <c r="O75" s="8">
        <v>9.25</v>
      </c>
      <c r="P75" s="9">
        <v>6.75</v>
      </c>
      <c r="Q75" s="10">
        <v>7.7199999999999989</v>
      </c>
    </row>
    <row r="76" spans="1:17" ht="15.75" customHeight="1" x14ac:dyDescent="0.2">
      <c r="A76" s="45" t="s">
        <v>85</v>
      </c>
      <c r="B76" s="46"/>
      <c r="C76" s="22">
        <v>127</v>
      </c>
      <c r="D76" s="23">
        <v>224</v>
      </c>
      <c r="E76" s="24">
        <v>351</v>
      </c>
      <c r="F76" s="22">
        <v>28</v>
      </c>
      <c r="G76" s="23">
        <v>37</v>
      </c>
      <c r="H76" s="24">
        <v>65</v>
      </c>
      <c r="I76" s="22">
        <v>99</v>
      </c>
      <c r="J76" s="23">
        <v>187</v>
      </c>
      <c r="K76" s="24">
        <v>286</v>
      </c>
      <c r="L76" s="25">
        <v>22.05</v>
      </c>
      <c r="M76" s="26">
        <v>16.52</v>
      </c>
      <c r="N76" s="27">
        <v>18.52</v>
      </c>
      <c r="O76" s="8">
        <v>2.379999999999999</v>
      </c>
      <c r="P76" s="9">
        <v>2.0199999999999996</v>
      </c>
      <c r="Q76" s="10">
        <v>2.0599999999999987</v>
      </c>
    </row>
    <row r="77" spans="1:17" ht="15.75" customHeight="1" thickBot="1" x14ac:dyDescent="0.25">
      <c r="A77" s="43" t="s">
        <v>86</v>
      </c>
      <c r="B77" s="44"/>
      <c r="C77" s="34">
        <v>5065</v>
      </c>
      <c r="D77" s="35">
        <v>6599</v>
      </c>
      <c r="E77" s="36">
        <v>11664</v>
      </c>
      <c r="F77" s="34">
        <v>1571</v>
      </c>
      <c r="G77" s="35">
        <v>1572</v>
      </c>
      <c r="H77" s="36">
        <v>3143</v>
      </c>
      <c r="I77" s="34">
        <v>3494</v>
      </c>
      <c r="J77" s="35">
        <v>5027</v>
      </c>
      <c r="K77" s="36">
        <v>8521</v>
      </c>
      <c r="L77" s="37">
        <v>31.02</v>
      </c>
      <c r="M77" s="38">
        <v>23.82</v>
      </c>
      <c r="N77" s="39">
        <v>26.95</v>
      </c>
      <c r="O77" s="19">
        <v>8.93</v>
      </c>
      <c r="P77" s="20">
        <v>8.73</v>
      </c>
      <c r="Q77" s="21">
        <v>8.759999999999998</v>
      </c>
    </row>
  </sheetData>
  <mergeCells count="38">
    <mergeCell ref="A4:B4"/>
    <mergeCell ref="E2:K2"/>
    <mergeCell ref="G3:I3"/>
    <mergeCell ref="A5:B6"/>
    <mergeCell ref="C5:E5"/>
    <mergeCell ref="F5:H5"/>
    <mergeCell ref="I5:K5"/>
    <mergeCell ref="L5:N5"/>
    <mergeCell ref="O5:Q5"/>
    <mergeCell ref="A7:B7"/>
    <mergeCell ref="A26:B26"/>
    <mergeCell ref="A34:B34"/>
    <mergeCell ref="A38:B38"/>
    <mergeCell ref="A39:B39"/>
    <mergeCell ref="A40:B40"/>
    <mergeCell ref="A41:B41"/>
    <mergeCell ref="A42:B42"/>
    <mergeCell ref="A52:B52"/>
    <mergeCell ref="A43:B43"/>
    <mergeCell ref="A44:B44"/>
    <mergeCell ref="A45:B45"/>
    <mergeCell ref="A46:B46"/>
    <mergeCell ref="A47:B47"/>
    <mergeCell ref="A77:B77"/>
    <mergeCell ref="A67:B67"/>
    <mergeCell ref="A71:B71"/>
    <mergeCell ref="A74:B74"/>
    <mergeCell ref="A75:B75"/>
    <mergeCell ref="A76:B76"/>
    <mergeCell ref="A53:B53"/>
    <mergeCell ref="A54:B54"/>
    <mergeCell ref="A56:B56"/>
    <mergeCell ref="A58:B58"/>
    <mergeCell ref="A61:B61"/>
    <mergeCell ref="A48:B48"/>
    <mergeCell ref="A49:B49"/>
    <mergeCell ref="A50:B50"/>
    <mergeCell ref="A51:B51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scale="85" fitToHeight="0" orientation="landscape" r:id="rId1"/>
  <headerFooter alignWithMargins="0">
    <oddFooter xml:space="preserve">&amp;C&amp;"IPAmj明朝,標準"&amp;9
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6</vt:i4>
      </vt:variant>
    </vt:vector>
  </HeadingPairs>
  <TitlesOfParts>
    <vt:vector size="9" baseType="lpstr">
      <vt:lpstr>国内＋在外</vt:lpstr>
      <vt:lpstr>国内</vt:lpstr>
      <vt:lpstr>在外</vt:lpstr>
      <vt:lpstr>国内!Print_Area</vt:lpstr>
      <vt:lpstr>'国内＋在外'!Print_Area</vt:lpstr>
      <vt:lpstr>在外!Print_Area</vt:lpstr>
      <vt:lpstr>国内!Print_Titles</vt:lpstr>
      <vt:lpstr>'国内＋在外'!Print_Titles</vt:lpstr>
      <vt:lpstr>在外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4-01-04T02:20:56Z</cp:lastPrinted>
  <dcterms:created xsi:type="dcterms:W3CDTF">2023-04-17T21:08:26Z</dcterms:created>
  <dcterms:modified xsi:type="dcterms:W3CDTF">2026-02-08T17:14:25Z</dcterms:modified>
</cp:coreProperties>
</file>